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readi\Box\s28\"/>
    </mc:Choice>
  </mc:AlternateContent>
  <xr:revisionPtr revIDLastSave="0" documentId="13_ncr:1_{E88EC8ED-BFEE-43C3-A0E0-EAA27AC01E2C}" xr6:coauthVersionLast="47" xr6:coauthVersionMax="47" xr10:uidLastSave="{00000000-0000-0000-0000-000000000000}"/>
  <bookViews>
    <workbookView xWindow="-19320" yWindow="690" windowWidth="19440" windowHeight="15000" tabRatio="858" xr2:uid="{00000000-000D-0000-FFFF-FFFF00000000}"/>
  </bookViews>
  <sheets>
    <sheet name="2020 Rookie Free-Agent Draft" sheetId="1" r:id="rId1"/>
    <sheet name="2020 Supplemental Draft" sheetId="2" r:id="rId2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38" i="1" l="1"/>
  <c r="M41" i="1"/>
  <c r="Q41" i="1"/>
  <c r="I41" i="1"/>
</calcChain>
</file>

<file path=xl/sharedStrings.xml><?xml version="1.0" encoding="utf-8"?>
<sst xmlns="http://schemas.openxmlformats.org/spreadsheetml/2006/main" count="1721" uniqueCount="520">
  <si>
    <t>MIN</t>
  </si>
  <si>
    <t xml:space="preserve">  Round 1</t>
  </si>
  <si>
    <t xml:space="preserve">  Round 2</t>
  </si>
  <si>
    <t xml:space="preserve">  Round 3</t>
  </si>
  <si>
    <t xml:space="preserve">  Round 7</t>
  </si>
  <si>
    <t>ATL</t>
  </si>
  <si>
    <t>GB</t>
  </si>
  <si>
    <t>SEA</t>
  </si>
  <si>
    <t>TEN</t>
  </si>
  <si>
    <t>PHI</t>
  </si>
  <si>
    <t>CHI</t>
  </si>
  <si>
    <t>DAL</t>
  </si>
  <si>
    <t>NYG</t>
  </si>
  <si>
    <t>PIT</t>
  </si>
  <si>
    <t>Pick</t>
  </si>
  <si>
    <t>Owner</t>
  </si>
  <si>
    <t>TB</t>
  </si>
  <si>
    <t>BUF</t>
  </si>
  <si>
    <t xml:space="preserve">  Round 6</t>
  </si>
  <si>
    <t>DEN</t>
  </si>
  <si>
    <t>CIN</t>
  </si>
  <si>
    <t>DET</t>
  </si>
  <si>
    <t>KC</t>
  </si>
  <si>
    <t>IND</t>
  </si>
  <si>
    <t>OAK</t>
  </si>
  <si>
    <t>BAL</t>
  </si>
  <si>
    <t>NE</t>
  </si>
  <si>
    <t>JAX</t>
  </si>
  <si>
    <t>LAR</t>
  </si>
  <si>
    <t>LAC</t>
  </si>
  <si>
    <t>Round 4</t>
  </si>
  <si>
    <t>Round 5</t>
  </si>
  <si>
    <t>Round 8</t>
  </si>
  <si>
    <t>Round 9</t>
  </si>
  <si>
    <t>Round 10</t>
  </si>
  <si>
    <t>1. 4:00pm ET -</t>
  </si>
  <si>
    <t>2. 4:15pm ET -</t>
  </si>
  <si>
    <t>3. 4:30pm ET -</t>
  </si>
  <si>
    <t>4. 4:45pm ET -</t>
  </si>
  <si>
    <t>5. 5:00pm ET -</t>
  </si>
  <si>
    <t>6. 5:15pm ET -</t>
  </si>
  <si>
    <t>7. 5:30pm ET -</t>
  </si>
  <si>
    <t>8. 5:45pm ET -</t>
  </si>
  <si>
    <t>9. 6:00pm ET -</t>
  </si>
  <si>
    <t>10.6:15pm ET -</t>
  </si>
  <si>
    <t>11.6:30pm ET -</t>
  </si>
  <si>
    <t>12.6:45pm ET -</t>
  </si>
  <si>
    <t>13.7:00pm ET -</t>
  </si>
  <si>
    <t>14.7:15pm ET -</t>
  </si>
  <si>
    <t>15.7:30pm ET -</t>
  </si>
  <si>
    <t>16.7:45pm ET -</t>
  </si>
  <si>
    <t>17.8:00pm ET  -</t>
  </si>
  <si>
    <t>18.8:15pm ET -</t>
  </si>
  <si>
    <t>19.8:30pm ET -</t>
  </si>
  <si>
    <t>20.8:45pm ET -</t>
  </si>
  <si>
    <t>21. 9:00pm ET -</t>
  </si>
  <si>
    <t>22. 9:15pm ET -</t>
  </si>
  <si>
    <t>23. 9:30pm ET -</t>
  </si>
  <si>
    <t>24. 9:45pm ET -</t>
  </si>
  <si>
    <t>25. 10:00pm ET -</t>
  </si>
  <si>
    <t>26. 10:15pm ET -</t>
  </si>
  <si>
    <t>27. 10:30pm ET -</t>
  </si>
  <si>
    <t xml:space="preserve">28. 10:45pm ET - </t>
  </si>
  <si>
    <t xml:space="preserve">  Round 4</t>
  </si>
  <si>
    <t>Drop</t>
  </si>
  <si>
    <t xml:space="preserve">  Round 5</t>
  </si>
  <si>
    <t>Round 7</t>
  </si>
  <si>
    <t>HOU</t>
  </si>
  <si>
    <t>Team</t>
  </si>
  <si>
    <t>Record</t>
  </si>
  <si>
    <t>Head to head</t>
  </si>
  <si>
    <t>Opponent SOS</t>
  </si>
  <si>
    <t>136 wins</t>
  </si>
  <si>
    <t>127 wins</t>
  </si>
  <si>
    <t>126 wins</t>
  </si>
  <si>
    <t>--------------------------------Playoff Teams Below</t>
  </si>
  <si>
    <t>CLE</t>
  </si>
  <si>
    <t>-------------------------------Round 2 below</t>
  </si>
  <si>
    <t>21.</t>
  </si>
  <si>
    <t>------------------------------Round 3 below</t>
  </si>
  <si>
    <t>25.</t>
  </si>
  <si>
    <t>14-2</t>
  </si>
  <si>
    <t>----------------------------Round 4 below</t>
  </si>
  <si>
    <t>27.</t>
  </si>
  <si>
    <t>13-3</t>
  </si>
  <si>
    <t xml:space="preserve"> </t>
  </si>
  <si>
    <t xml:space="preserve">1. </t>
  </si>
  <si>
    <t xml:space="preserve">2. </t>
  </si>
  <si>
    <t>3-13</t>
  </si>
  <si>
    <t xml:space="preserve">3. </t>
  </si>
  <si>
    <t xml:space="preserve">4. </t>
  </si>
  <si>
    <t>4-12</t>
  </si>
  <si>
    <t>5.</t>
  </si>
  <si>
    <t xml:space="preserve">6. </t>
  </si>
  <si>
    <t>6-10</t>
  </si>
  <si>
    <t xml:space="preserve">7. </t>
  </si>
  <si>
    <t xml:space="preserve">8. </t>
  </si>
  <si>
    <t xml:space="preserve">9. </t>
  </si>
  <si>
    <t>7-9</t>
  </si>
  <si>
    <t>10.</t>
  </si>
  <si>
    <t>11.</t>
  </si>
  <si>
    <t>12.</t>
  </si>
  <si>
    <t>8-8</t>
  </si>
  <si>
    <t>13.</t>
  </si>
  <si>
    <t>14.</t>
  </si>
  <si>
    <t>15.</t>
  </si>
  <si>
    <t>16.</t>
  </si>
  <si>
    <t>17.</t>
  </si>
  <si>
    <t>18.</t>
  </si>
  <si>
    <t>19.</t>
  </si>
  <si>
    <t>9-6-1</t>
  </si>
  <si>
    <t>20.</t>
  </si>
  <si>
    <t>10-6</t>
  </si>
  <si>
    <t>22.</t>
  </si>
  <si>
    <t>23.</t>
  </si>
  <si>
    <t>12-4</t>
  </si>
  <si>
    <t>24.</t>
  </si>
  <si>
    <t>26.</t>
  </si>
  <si>
    <t>11-5</t>
  </si>
  <si>
    <t>28.</t>
  </si>
  <si>
    <t>NYJ</t>
  </si>
  <si>
    <t>NO</t>
  </si>
  <si>
    <t>2020 SEASON S28 ROOKIE/FREE-AGENT DRAFT</t>
  </si>
  <si>
    <t>BD</t>
  </si>
  <si>
    <t>2-14</t>
  </si>
  <si>
    <t>147 wins</t>
  </si>
  <si>
    <t>141 wins</t>
  </si>
  <si>
    <t>129 wins</t>
  </si>
  <si>
    <t>5-11</t>
  </si>
  <si>
    <t>146 wins</t>
  </si>
  <si>
    <t>120 wins</t>
  </si>
  <si>
    <t>117 wins</t>
  </si>
  <si>
    <t>(Beat CHI H2H, we reward the team that won H2H with higher pick)</t>
  </si>
  <si>
    <t xml:space="preserve">CHI </t>
  </si>
  <si>
    <t>(Beat DEN H2H)</t>
  </si>
  <si>
    <t>8-7-1</t>
  </si>
  <si>
    <t>AZ</t>
  </si>
  <si>
    <t>(SEA beat NE)</t>
  </si>
  <si>
    <t>Rookie Draft Generic Even Round:</t>
  </si>
  <si>
    <t>Team Changes this year:</t>
  </si>
  <si>
    <t>LAS (Was OAK)</t>
  </si>
  <si>
    <t>SF (Was CLE)</t>
  </si>
  <si>
    <t>CLE (Was TB)</t>
  </si>
  <si>
    <t>TB (Was DEN)</t>
  </si>
  <si>
    <t>DEN (Was DAL)</t>
  </si>
  <si>
    <t>DAL (Was MIN)</t>
  </si>
  <si>
    <t>2019</t>
  </si>
  <si>
    <t>LAS</t>
  </si>
  <si>
    <t>SF</t>
  </si>
  <si>
    <t>Herbert, Justin</t>
  </si>
  <si>
    <t>Burrow, Joe</t>
  </si>
  <si>
    <t>Tagovailoa, Tua</t>
  </si>
  <si>
    <t>Young, Chase</t>
  </si>
  <si>
    <t>Taylor, Jonathan</t>
  </si>
  <si>
    <t>Davis, Raekwon</t>
  </si>
  <si>
    <t>Wirfs, Tristan</t>
  </si>
  <si>
    <t>Dobbins, J.K.</t>
  </si>
  <si>
    <t>Walker, Mykal</t>
  </si>
  <si>
    <t>Jefferson, Justin</t>
  </si>
  <si>
    <t>Gay, Willie</t>
  </si>
  <si>
    <t>Queen, Patrick</t>
  </si>
  <si>
    <t>Lamb, CeeDee</t>
  </si>
  <si>
    <t>Becton, Mekhi</t>
  </si>
  <si>
    <t>Gibson, Antonio</t>
  </si>
  <si>
    <t>Terrell, A.J.</t>
  </si>
  <si>
    <t>Winfield Jr., Antoine</t>
  </si>
  <si>
    <t>Murray, Kenneth</t>
  </si>
  <si>
    <t>Cleveland, Ezra</t>
  </si>
  <si>
    <t>Clyde Edwards-Helaire</t>
  </si>
  <si>
    <t>Harris, Damien</t>
  </si>
  <si>
    <t>Simmons, Isaiah</t>
  </si>
  <si>
    <t>Onwenu, Michael</t>
  </si>
  <si>
    <t>Jeudy, Jerry</t>
  </si>
  <si>
    <t>Wills, Jedrick</t>
  </si>
  <si>
    <t>Hurts, Jalen</t>
  </si>
  <si>
    <t>Swift, D'Andre</t>
  </si>
  <si>
    <t>Aiyuk, Brandon</t>
  </si>
  <si>
    <t>Brown, Derrick</t>
  </si>
  <si>
    <t>Dantzler, Cameron</t>
  </si>
  <si>
    <t>Higgins, Tee</t>
  </si>
  <si>
    <t>Thomas, Andrew</t>
  </si>
  <si>
    <t>Gaskin, Myles</t>
  </si>
  <si>
    <t>Chinn, Jeremy</t>
  </si>
  <si>
    <t>Brooks, Jordyn</t>
  </si>
  <si>
    <t>Claypool, Chase</t>
  </si>
  <si>
    <t>Kinlaw, Javon</t>
  </si>
  <si>
    <t>Wilson, Donovan</t>
  </si>
  <si>
    <t>Verrett, Jason</t>
  </si>
  <si>
    <t>Williams, Jonah</t>
  </si>
  <si>
    <t>Johnson, Jaylon</t>
  </si>
  <si>
    <t>Mailata, Jordan</t>
  </si>
  <si>
    <t>Jackson, Austin</t>
  </si>
  <si>
    <t>Robinson, James</t>
  </si>
  <si>
    <t>Diggs, Trevon</t>
  </si>
  <si>
    <t>Blackmon, Julian</t>
  </si>
  <si>
    <t>Dillon, A.J.</t>
  </si>
  <si>
    <t>Highsmith, Alex</t>
  </si>
  <si>
    <t>Hall, Bryce</t>
  </si>
  <si>
    <t>Chaisson, K'Lavon</t>
  </si>
  <si>
    <t>Okudah, Jeff</t>
  </si>
  <si>
    <t>Hunt, Robert</t>
  </si>
  <si>
    <t>Moss, Zack</t>
  </si>
  <si>
    <t>Akers, Cam</t>
  </si>
  <si>
    <t>Ruiz, Cesar</t>
  </si>
  <si>
    <t>Sneed, L'Jarius</t>
  </si>
  <si>
    <t>Fuller, Jordan</t>
  </si>
  <si>
    <t>Curl, Kamren</t>
  </si>
  <si>
    <t>Lewis, Damien</t>
  </si>
  <si>
    <t>Ruggs III, Henry</t>
  </si>
  <si>
    <t>Wilson, Logan</t>
  </si>
  <si>
    <t>Pittman Jr., Michael</t>
  </si>
  <si>
    <t>Henderson, C.J.</t>
  </si>
  <si>
    <t>Kmet, Cole</t>
  </si>
  <si>
    <t>Shenault, Laviska</t>
  </si>
  <si>
    <t>Dugger, Kyle</t>
  </si>
  <si>
    <t>Uche, Josh</t>
  </si>
  <si>
    <t>Dotson, Kevin</t>
  </si>
  <si>
    <t>Peart, Matt</t>
  </si>
  <si>
    <t>Singleton, Alex</t>
  </si>
  <si>
    <t>Hamilton, DaVon</t>
  </si>
  <si>
    <t>Reagor, Jalen</t>
  </si>
  <si>
    <t>Epenesa, A.J.</t>
  </si>
  <si>
    <t>Harrison, Malik</t>
  </si>
  <si>
    <t>Davis, Gabriel</t>
  </si>
  <si>
    <t>Barnes, Krys</t>
  </si>
  <si>
    <t>Jackson, Jonah</t>
  </si>
  <si>
    <t>Arnette, Damon</t>
  </si>
  <si>
    <t>Cushenberry, Lloyd</t>
  </si>
  <si>
    <t>Trautman, Adam</t>
  </si>
  <si>
    <t>Fulton, Kristian</t>
  </si>
  <si>
    <t>Biadasz, Tyler</t>
  </si>
  <si>
    <t>Gardeck, Dennis</t>
  </si>
  <si>
    <t>Madubuike, Justin</t>
  </si>
  <si>
    <t>Jones, Joshua</t>
  </si>
  <si>
    <t>Crowder, Tae</t>
  </si>
  <si>
    <t>Abram, Johnathan</t>
  </si>
  <si>
    <t>Mustipher, Sam</t>
  </si>
  <si>
    <t>Gross-Matos, Yetur</t>
  </si>
  <si>
    <t>Hassenauer, J.C.</t>
  </si>
  <si>
    <t>Guyton, Jalen</t>
  </si>
  <si>
    <t>Baun, Zack</t>
  </si>
  <si>
    <t>Duvernay, Devin</t>
  </si>
  <si>
    <t>Bryant, Harrison</t>
  </si>
  <si>
    <t>Gladney, Jeff</t>
  </si>
  <si>
    <t>Wingard, Andrew</t>
  </si>
  <si>
    <t>Davis-Gaither, Akeem</t>
  </si>
  <si>
    <t>Adderley, Nasir</t>
  </si>
  <si>
    <t>Mims, Denzel</t>
  </si>
  <si>
    <t>Jefferson, Van</t>
  </si>
  <si>
    <t>Hamler, K.J.</t>
  </si>
  <si>
    <t>Ahmed, Salvon</t>
  </si>
  <si>
    <t>Vaughters, James</t>
  </si>
  <si>
    <t>Okwara, Julian</t>
  </si>
  <si>
    <t>Bower, Tashawn</t>
  </si>
  <si>
    <t>McKinney, Xavier</t>
  </si>
  <si>
    <t>Peoples-Jones, Donovan</t>
  </si>
  <si>
    <t>Bass, Tyler</t>
  </si>
  <si>
    <t>Kelley, Joshua</t>
  </si>
  <si>
    <t>Parham, Donald</t>
  </si>
  <si>
    <t>Fox, Jack</t>
  </si>
  <si>
    <t>Hennessy, Matt</t>
  </si>
  <si>
    <t>Callaway, Marquez</t>
  </si>
  <si>
    <t>Brown, Pharaoh</t>
  </si>
  <si>
    <t>Gallimore, Neville</t>
  </si>
  <si>
    <t>Lewis, Terrell</t>
  </si>
  <si>
    <t>Jennings, Anfernee</t>
  </si>
  <si>
    <t>Kiser, Micah</t>
  </si>
  <si>
    <t>Kirksey, Christian</t>
  </si>
  <si>
    <t>Igbinoghene, Noah</t>
  </si>
  <si>
    <t>Powers, Ben</t>
  </si>
  <si>
    <t>Ojemudia, Michael</t>
  </si>
  <si>
    <t>Blankenship, Rodrigo</t>
  </si>
  <si>
    <t>Rodgers, Richard</t>
  </si>
  <si>
    <t>Lemieux, Shane</t>
  </si>
  <si>
    <t>Osborn, K.J.</t>
  </si>
  <si>
    <t>Davidson, Marlon</t>
  </si>
  <si>
    <t>Jones, Brandon</t>
  </si>
  <si>
    <t>Bredeson, Ben</t>
  </si>
  <si>
    <t>Fulgham, Travis</t>
  </si>
  <si>
    <t>Okwuegbunam, Albert</t>
  </si>
  <si>
    <t>Davis, Ashtyn</t>
  </si>
  <si>
    <t>Roy, Bravvion</t>
  </si>
  <si>
    <t>Cephus, Quintez</t>
  </si>
  <si>
    <t>Blacklock, Ross</t>
  </si>
  <si>
    <t>Sternberger, Jace</t>
  </si>
  <si>
    <t>Quessenberry, David</t>
  </si>
  <si>
    <t>Johnson, Tyron</t>
  </si>
  <si>
    <t>Perine, La'Mical</t>
  </si>
  <si>
    <t>Bojorquez, Corey</t>
  </si>
  <si>
    <t>Phillips, Tyre</t>
  </si>
  <si>
    <t>Burgess, Terrell</t>
  </si>
  <si>
    <t>Wonnum, D.J.</t>
  </si>
  <si>
    <t>Swain, Freddie</t>
  </si>
  <si>
    <t>Robinson, Alton</t>
  </si>
  <si>
    <t>Fotu, Leki</t>
  </si>
  <si>
    <t>Hawkins, Jaylinn</t>
  </si>
  <si>
    <t>Rodgers, Isaiah</t>
  </si>
  <si>
    <t>Spillane, Robert</t>
  </si>
  <si>
    <t>Cowart, Byron</t>
  </si>
  <si>
    <t>Roach, Malcolm</t>
  </si>
  <si>
    <t>Booker, Devontae</t>
  </si>
  <si>
    <t>Giles-Harris, Joe</t>
  </si>
  <si>
    <t>Kindley, Solomon</t>
  </si>
  <si>
    <t>Tart, Teair</t>
  </si>
  <si>
    <t>McGovern, Connor J.</t>
  </si>
  <si>
    <t>Avery, Genard</t>
  </si>
  <si>
    <t>Anchrum, Tremayne</t>
  </si>
  <si>
    <t>Simpson, John</t>
  </si>
  <si>
    <t>Davis, Carlos</t>
  </si>
  <si>
    <t>Heinicke, Taylor</t>
  </si>
  <si>
    <t>Banjo, Chris</t>
  </si>
  <si>
    <t>Danna, Mike</t>
  </si>
  <si>
    <t>Jackson, Dane</t>
  </si>
  <si>
    <t>Polite, Jachai</t>
  </si>
  <si>
    <t>Herron, Justin</t>
  </si>
  <si>
    <t>Johnson, Dontae</t>
  </si>
  <si>
    <t>Smith, Aldon</t>
  </si>
  <si>
    <t>Zuniga, Jabari</t>
  </si>
  <si>
    <t>Dallas, DeeJay</t>
  </si>
  <si>
    <t>McNichols, Jeremy</t>
  </si>
  <si>
    <t>Runyan Jr., Jon</t>
  </si>
  <si>
    <t>Zaccheaus, Olamide</t>
  </si>
  <si>
    <t>Greenard, Jonathan</t>
  </si>
  <si>
    <t>Johnson, D'Ernest</t>
  </si>
  <si>
    <t>Vaughn, Ke'Shawn</t>
  </si>
  <si>
    <t>McFarland Jr., Anthony</t>
  </si>
  <si>
    <t>Williams, DeShawn</t>
  </si>
  <si>
    <t>Vildor, Kindle</t>
  </si>
  <si>
    <t>Santos, Cairo</t>
  </si>
  <si>
    <t>Charles, Saahdiq</t>
  </si>
  <si>
    <t>Proche, James</t>
  </si>
  <si>
    <t>Bates, Ryan</t>
  </si>
  <si>
    <t>Downs, Devante</t>
  </si>
  <si>
    <t>Taylor, Trent</t>
  </si>
  <si>
    <t>Smith-Williams, James</t>
  </si>
  <si>
    <t>Huff, Bryce</t>
  </si>
  <si>
    <t>Sims, Cam</t>
  </si>
  <si>
    <t>Costin, Doug</t>
  </si>
  <si>
    <t>Folk, Nick</t>
  </si>
  <si>
    <t>Coughlin, Carter</t>
  </si>
  <si>
    <t>Langi, Harvey</t>
  </si>
  <si>
    <t>Obada, Efe</t>
  </si>
  <si>
    <t>Morris, Alfred</t>
  </si>
  <si>
    <t>Powell, Brandon</t>
  </si>
  <si>
    <t>Reed, Joe</t>
  </si>
  <si>
    <t>Bassey, Essang</t>
  </si>
  <si>
    <t>Brewer, Aaron</t>
  </si>
  <si>
    <t>Murchison, Larrell</t>
  </si>
  <si>
    <t>Elliott, Jordan</t>
  </si>
  <si>
    <t>Summers, Ty</t>
  </si>
  <si>
    <t>Brown, Evan</t>
  </si>
  <si>
    <t>Penisini, John</t>
  </si>
  <si>
    <t>Dye, Troy</t>
  </si>
  <si>
    <t>Johnson, Collin</t>
  </si>
  <si>
    <t>Bartch, Ben</t>
  </si>
  <si>
    <t>Froholdt, Hjalte</t>
  </si>
  <si>
    <t>Driscoll, Jack</t>
  </si>
  <si>
    <t>Wallace, K'Von</t>
  </si>
  <si>
    <t>McKivitz, Colton</t>
  </si>
  <si>
    <t>Flannigan-Fowle, D.</t>
  </si>
  <si>
    <t>Givens, Kevin</t>
  </si>
  <si>
    <t>Gono, Matt</t>
  </si>
  <si>
    <t>Harris, Nick</t>
  </si>
  <si>
    <t>Muti, Netane</t>
  </si>
  <si>
    <t>Hudson, Khaleke</t>
  </si>
  <si>
    <t>Guidry, Javelin</t>
  </si>
  <si>
    <t>Blasingame, Khari</t>
  </si>
  <si>
    <t>Townsend, Tommy</t>
  </si>
  <si>
    <t>Charlton, Joseph</t>
  </si>
  <si>
    <t>Webster, Nsimba</t>
  </si>
  <si>
    <t>Wharton, Tershawn</t>
  </si>
  <si>
    <t>Bowden, Lynn</t>
  </si>
  <si>
    <t>Fuller, Kyle C.</t>
  </si>
  <si>
    <t>Street, Kentavius</t>
  </si>
  <si>
    <t>Anderson, Calvin</t>
  </si>
  <si>
    <t>Means, Steven</t>
  </si>
  <si>
    <t>Martin, Kamal</t>
  </si>
  <si>
    <t>Boyd, Kris</t>
  </si>
  <si>
    <t>Foreman, D'Onta</t>
  </si>
  <si>
    <t>Agim, McTelvin</t>
  </si>
  <si>
    <t>Johnson, Jakob</t>
  </si>
  <si>
    <t>Nabers, Gabe</t>
  </si>
  <si>
    <t>Scott, J.K.</t>
  </si>
  <si>
    <t>Colon-Castillo, Trystan</t>
  </si>
  <si>
    <t>Succop, Ryan</t>
  </si>
  <si>
    <t>Cabinda, Jason</t>
  </si>
  <si>
    <t>Walker, Phillip</t>
  </si>
  <si>
    <t>Hill, K.J.</t>
  </si>
  <si>
    <t>Brown, Daniel</t>
  </si>
  <si>
    <t>Pinter, Danny</t>
  </si>
  <si>
    <t>Steele, Terence</t>
  </si>
  <si>
    <t>Vickers, Kendal</t>
  </si>
  <si>
    <t>Hightower, John</t>
  </si>
  <si>
    <t>Wolford, John</t>
  </si>
  <si>
    <t>Wilson, Cedrick</t>
  </si>
  <si>
    <t>Gipson, Trevis</t>
  </si>
  <si>
    <t>Strowbridge, Jason</t>
  </si>
  <si>
    <t>Toner, Cole</t>
  </si>
  <si>
    <t>Tuszka, Derrek</t>
  </si>
  <si>
    <t>Henne, Chad</t>
  </si>
  <si>
    <t>Johnson, Tyler</t>
  </si>
  <si>
    <t>Lynch, Aaron</t>
  </si>
  <si>
    <t>Dulin, Ashton</t>
  </si>
  <si>
    <t>Strong, Kevin</t>
  </si>
  <si>
    <t>Smith, Rodney</t>
  </si>
  <si>
    <t>Gilman, Alohi</t>
  </si>
  <si>
    <t>Allen, Marcus</t>
  </si>
  <si>
    <t>Hofrichter, Sterling</t>
  </si>
  <si>
    <t>Holmes, Darnay</t>
  </si>
  <si>
    <t>Nijman, Yosh</t>
  </si>
  <si>
    <t>Gaillard, Lamont</t>
  </si>
  <si>
    <t>Dodson, Tyrel</t>
  </si>
  <si>
    <t>Lamm, Kendall</t>
  </si>
  <si>
    <t>Hambright, Arlington</t>
  </si>
  <si>
    <t>Lynch, Blake</t>
  </si>
  <si>
    <t>Lynch, James</t>
  </si>
  <si>
    <t>Davis, Khalil</t>
  </si>
  <si>
    <t>Smith, Chris</t>
  </si>
  <si>
    <t>Hand, Harrison</t>
  </si>
  <si>
    <t>Egbule, Emeke</t>
  </si>
  <si>
    <t>Reid, John</t>
  </si>
  <si>
    <t>Adeniji, Hakeem</t>
  </si>
  <si>
    <t>Williams, Antonio</t>
  </si>
  <si>
    <t>Ismael, Keith</t>
  </si>
  <si>
    <t>Grasu, Hroniss</t>
  </si>
  <si>
    <t>Howell, Buddy</t>
  </si>
  <si>
    <t>Clement, Corey</t>
  </si>
  <si>
    <t>X</t>
  </si>
  <si>
    <t>Borders, Breon</t>
  </si>
  <si>
    <t>Pryor, Matt</t>
  </si>
  <si>
    <t>Mingo, Barkevious</t>
  </si>
  <si>
    <t>Calais, Raymond</t>
  </si>
  <si>
    <t>Barkley, Matt</t>
  </si>
  <si>
    <t>Brissett, Jacoby</t>
  </si>
  <si>
    <t>Bailey, Markus</t>
  </si>
  <si>
    <t>Pouncey, Mike</t>
  </si>
  <si>
    <t>Mata'afa, Hercules</t>
  </si>
  <si>
    <t>Hekker, Johnny</t>
  </si>
  <si>
    <t>Pinion, Bradley</t>
  </si>
  <si>
    <t>McDonald, Vance</t>
  </si>
  <si>
    <t>Carter, Cethan</t>
  </si>
  <si>
    <t>Lewis, Dion</t>
  </si>
  <si>
    <t>Stidham, Jarrett</t>
  </si>
  <si>
    <t>Claybrooks, Chris</t>
  </si>
  <si>
    <t>Moncrief, Donte</t>
  </si>
  <si>
    <t>Niswander, Hunter</t>
  </si>
  <si>
    <t>Colquitt, Britton</t>
  </si>
  <si>
    <t>Finley, Ryan</t>
  </si>
  <si>
    <t>Driskel, Jeff</t>
  </si>
  <si>
    <t>Hoyer, Brian</t>
  </si>
  <si>
    <t>Falk, Luke</t>
  </si>
  <si>
    <t>Rental PR</t>
  </si>
  <si>
    <t>Koyack, Ben</t>
  </si>
  <si>
    <t>Douglas, Jamil</t>
  </si>
  <si>
    <t>Cleveland, Tyrie</t>
  </si>
  <si>
    <t>Hall, Daeshon</t>
  </si>
  <si>
    <t>Andrews, Josh</t>
  </si>
  <si>
    <t>Neal, Siran</t>
  </si>
  <si>
    <t>Johnson, Wesley</t>
  </si>
  <si>
    <t>Jones, Zay</t>
  </si>
  <si>
    <t>Bradham, Nigel</t>
  </si>
  <si>
    <t>Toilolo, Levine</t>
  </si>
  <si>
    <t>Bell, Blake</t>
  </si>
  <si>
    <t>Garcia, Max</t>
  </si>
  <si>
    <t>Taylor, Malik</t>
  </si>
  <si>
    <t>Smith, Evan</t>
  </si>
  <si>
    <t>McCray, Justin</t>
  </si>
  <si>
    <t>Coleman, Corey</t>
  </si>
  <si>
    <t>Hall, Terez</t>
  </si>
  <si>
    <t>Allen, Javorius</t>
  </si>
  <si>
    <t>Brown, Noah</t>
  </si>
  <si>
    <t>Gill, Cam</t>
  </si>
  <si>
    <t>Pruitt, MyCole</t>
  </si>
  <si>
    <t>Iyiegbuniwe, Joel</t>
  </si>
  <si>
    <t>Cole, Dylan</t>
  </si>
  <si>
    <t>Bradley, Shaun</t>
  </si>
  <si>
    <t>Scarlett, Brennan</t>
  </si>
  <si>
    <t>Dawson Jr, Duke</t>
  </si>
  <si>
    <t>McDermott, Conor</t>
  </si>
  <si>
    <t>Te'o, Manti</t>
  </si>
  <si>
    <t>Tom, Cameron</t>
  </si>
  <si>
    <t>Streveler, Chris</t>
  </si>
  <si>
    <t>Hester, Treyvon</t>
  </si>
  <si>
    <t>O'Daniel, Dorian</t>
  </si>
  <si>
    <t>Johnson, Fred</t>
  </si>
  <si>
    <t>Switzer, Ryan</t>
  </si>
  <si>
    <t>Everett, Deshazor</t>
  </si>
  <si>
    <t>Adams, Montravius</t>
  </si>
  <si>
    <t>Warmack, Chance</t>
  </si>
  <si>
    <t>Roberts, Darryl</t>
  </si>
  <si>
    <t>Atkins, John</t>
  </si>
  <si>
    <t>Hall, Deiondre'</t>
  </si>
  <si>
    <t>Speaks, Breeland</t>
  </si>
  <si>
    <t>Campbell, Tevaughn</t>
  </si>
  <si>
    <t>Jackson, Lamar</t>
  </si>
  <si>
    <t>Harris, Darius</t>
  </si>
  <si>
    <t>Haynes, Marquis</t>
  </si>
  <si>
    <t>Forbath, Kai</t>
  </si>
  <si>
    <t>Griffin, Shaquem</t>
  </si>
  <si>
    <t>Williams, P.J.</t>
  </si>
  <si>
    <t>Quinn, Trey</t>
  </si>
  <si>
    <t>Cottrell, Nathan</t>
  </si>
  <si>
    <t>Walter, Austin</t>
  </si>
  <si>
    <t>Lee, Darron</t>
  </si>
  <si>
    <t>Houston-Carson, DeAndre</t>
  </si>
  <si>
    <t>Ogunbowale, Dare</t>
  </si>
  <si>
    <t>Hunt, Margus</t>
  </si>
  <si>
    <t>Thurman, Nick</t>
  </si>
  <si>
    <t>Ejiofor, Duke</t>
  </si>
  <si>
    <t>Nickerson, Hardy</t>
  </si>
  <si>
    <t>Emanuel, Kyle</t>
  </si>
  <si>
    <t>Brown, Cam</t>
  </si>
  <si>
    <t>Johnson, Trumaine</t>
  </si>
  <si>
    <t>Jackson, Chris</t>
  </si>
  <si>
    <t>Stroman, Greg</t>
  </si>
  <si>
    <t>Colquitt, Dustin</t>
  </si>
  <si>
    <t>Neal, Ryan</t>
  </si>
  <si>
    <t>Williams, Raequan</t>
  </si>
  <si>
    <t>Crawford, Jack</t>
  </si>
  <si>
    <t>Mooney, Darnel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numFmts count="2">
    <numFmt numFmtId="164" formatCode="[$-F800]dddd\,\ mmmm\ dd\,\ yyyy"/>
    <numFmt numFmtId="165" formatCode="[$-409]mmmm\ d\,\ yyyy;@"/>
  </numFmts>
  <fonts count="30" x14ac:knownFonts="1">
    <font>
      <sz val="10"/>
      <name val="Arial"/>
    </font>
    <font>
      <sz val="11"/>
      <color theme="1"/>
      <name val="Calibri"/>
      <family val="2"/>
      <scheme val="minor"/>
    </font>
    <font>
      <sz val="10"/>
      <name val="Arial"/>
      <family val="2"/>
    </font>
    <font>
      <b/>
      <u/>
      <sz val="16"/>
      <name val="Arial"/>
      <family val="2"/>
    </font>
    <font>
      <sz val="10"/>
      <name val="Arial"/>
      <family val="2"/>
    </font>
    <font>
      <u/>
      <sz val="10"/>
      <color indexed="12"/>
      <name val="Arial"/>
      <family val="2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11"/>
      <color indexed="20"/>
      <name val="Calibri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i/>
      <sz val="11"/>
      <color indexed="23"/>
      <name val="Calibri"/>
      <family val="2"/>
    </font>
    <font>
      <sz val="11"/>
      <color indexed="17"/>
      <name val="Calibri"/>
      <family val="2"/>
    </font>
    <font>
      <b/>
      <sz val="15"/>
      <color indexed="56"/>
      <name val="Calibri"/>
      <family val="2"/>
    </font>
    <font>
      <b/>
      <sz val="13"/>
      <color indexed="56"/>
      <name val="Calibri"/>
      <family val="2"/>
    </font>
    <font>
      <b/>
      <sz val="11"/>
      <color indexed="56"/>
      <name val="Calibri"/>
      <family val="2"/>
    </font>
    <font>
      <sz val="11"/>
      <color indexed="62"/>
      <name val="Calibri"/>
      <family val="2"/>
    </font>
    <font>
      <sz val="11"/>
      <color indexed="52"/>
      <name val="Calibri"/>
      <family val="2"/>
    </font>
    <font>
      <sz val="11"/>
      <color indexed="60"/>
      <name val="Calibri"/>
      <family val="2"/>
    </font>
    <font>
      <b/>
      <sz val="11"/>
      <color indexed="63"/>
      <name val="Calibri"/>
      <family val="2"/>
    </font>
    <font>
      <b/>
      <sz val="18"/>
      <color indexed="56"/>
      <name val="Cambria"/>
      <family val="2"/>
    </font>
    <font>
      <b/>
      <sz val="11"/>
      <color indexed="8"/>
      <name val="Calibri"/>
      <family val="2"/>
    </font>
    <font>
      <sz val="11"/>
      <color indexed="10"/>
      <name val="Calibri"/>
      <family val="2"/>
    </font>
    <font>
      <sz val="10"/>
      <name val="Arial"/>
      <family val="2"/>
    </font>
    <font>
      <b/>
      <sz val="10"/>
      <name val="Arial"/>
      <family val="2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color theme="1"/>
      <name val="Arial"/>
      <family val="2"/>
    </font>
    <font>
      <sz val="10"/>
      <name val="Verdana"/>
      <family val="2"/>
    </font>
    <font>
      <sz val="10"/>
      <color theme="1"/>
      <name val="Verdana"/>
      <family val="2"/>
    </font>
  </fonts>
  <fills count="27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4" tint="0.79998168889431442"/>
        <bgColor theme="4" tint="0.79998168889431442"/>
      </patternFill>
    </fill>
    <fill>
      <patternFill patternType="solid">
        <fgColor theme="4" tint="0.59999389629810485"/>
        <bgColor theme="4" tint="0.59999389629810485"/>
      </patternFill>
    </fill>
  </fills>
  <borders count="12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4"/>
      </left>
      <right style="thin">
        <color indexed="64"/>
      </right>
      <top style="thin">
        <color theme="0"/>
      </top>
      <bottom style="thin">
        <color theme="0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160">
    <xf numFmtId="0" fontId="0" fillId="0" borderId="0"/>
    <xf numFmtId="0" fontId="6" fillId="2" borderId="0" applyNumberFormat="0" applyBorder="0" applyAlignment="0" applyProtection="0"/>
    <xf numFmtId="0" fontId="6" fillId="3" borderId="0" applyNumberFormat="0" applyBorder="0" applyAlignment="0" applyProtection="0"/>
    <xf numFmtId="0" fontId="6" fillId="4" borderId="0" applyNumberFormat="0" applyBorder="0" applyAlignment="0" applyProtection="0"/>
    <xf numFmtId="0" fontId="6" fillId="5" borderId="0" applyNumberFormat="0" applyBorder="0" applyAlignment="0" applyProtection="0"/>
    <xf numFmtId="0" fontId="6" fillId="6" borderId="0" applyNumberFormat="0" applyBorder="0" applyAlignment="0" applyProtection="0"/>
    <xf numFmtId="0" fontId="6" fillId="7" borderId="0" applyNumberFormat="0" applyBorder="0" applyAlignment="0" applyProtection="0"/>
    <xf numFmtId="0" fontId="6" fillId="8" borderId="0" applyNumberFormat="0" applyBorder="0" applyAlignment="0" applyProtection="0"/>
    <xf numFmtId="0" fontId="6" fillId="9" borderId="0" applyNumberFormat="0" applyBorder="0" applyAlignment="0" applyProtection="0"/>
    <xf numFmtId="0" fontId="6" fillId="10" borderId="0" applyNumberFormat="0" applyBorder="0" applyAlignment="0" applyProtection="0"/>
    <xf numFmtId="0" fontId="6" fillId="5" borderId="0" applyNumberFormat="0" applyBorder="0" applyAlignment="0" applyProtection="0"/>
    <xf numFmtId="0" fontId="6" fillId="8" borderId="0" applyNumberFormat="0" applyBorder="0" applyAlignment="0" applyProtection="0"/>
    <xf numFmtId="0" fontId="6" fillId="11" borderId="0" applyNumberFormat="0" applyBorder="0" applyAlignment="0" applyProtection="0"/>
    <xf numFmtId="0" fontId="7" fillId="12" borderId="0" applyNumberFormat="0" applyBorder="0" applyAlignment="0" applyProtection="0"/>
    <xf numFmtId="0" fontId="7" fillId="9" borderId="0" applyNumberFormat="0" applyBorder="0" applyAlignment="0" applyProtection="0"/>
    <xf numFmtId="0" fontId="7" fillId="10" borderId="0" applyNumberFormat="0" applyBorder="0" applyAlignment="0" applyProtection="0"/>
    <xf numFmtId="0" fontId="7" fillId="13" borderId="0" applyNumberFormat="0" applyBorder="0" applyAlignment="0" applyProtection="0"/>
    <xf numFmtId="0" fontId="7" fillId="14" borderId="0" applyNumberFormat="0" applyBorder="0" applyAlignment="0" applyProtection="0"/>
    <xf numFmtId="0" fontId="7" fillId="15" borderId="0" applyNumberFormat="0" applyBorder="0" applyAlignment="0" applyProtection="0"/>
    <xf numFmtId="0" fontId="7" fillId="16" borderId="0" applyNumberFormat="0" applyBorder="0" applyAlignment="0" applyProtection="0"/>
    <xf numFmtId="0" fontId="7" fillId="17" borderId="0" applyNumberFormat="0" applyBorder="0" applyAlignment="0" applyProtection="0"/>
    <xf numFmtId="0" fontId="7" fillId="18" borderId="0" applyNumberFormat="0" applyBorder="0" applyAlignment="0" applyProtection="0"/>
    <xf numFmtId="0" fontId="7" fillId="13" borderId="0" applyNumberFormat="0" applyBorder="0" applyAlignment="0" applyProtection="0"/>
    <xf numFmtId="0" fontId="7" fillId="14" borderId="0" applyNumberFormat="0" applyBorder="0" applyAlignment="0" applyProtection="0"/>
    <xf numFmtId="0" fontId="7" fillId="19" borderId="0" applyNumberFormat="0" applyBorder="0" applyAlignment="0" applyProtection="0"/>
    <xf numFmtId="0" fontId="8" fillId="3" borderId="0" applyNumberFormat="0" applyBorder="0" applyAlignment="0" applyProtection="0"/>
    <xf numFmtId="0" fontId="9" fillId="20" borderId="1" applyNumberFormat="0" applyAlignment="0" applyProtection="0"/>
    <xf numFmtId="0" fontId="10" fillId="21" borderId="2" applyNumberFormat="0" applyAlignment="0" applyProtection="0"/>
    <xf numFmtId="0" fontId="11" fillId="0" borderId="0" applyNumberFormat="0" applyFill="0" applyBorder="0" applyAlignment="0" applyProtection="0"/>
    <xf numFmtId="0" fontId="12" fillId="4" borderId="0" applyNumberFormat="0" applyBorder="0" applyAlignment="0" applyProtection="0"/>
    <xf numFmtId="0" fontId="13" fillId="0" borderId="3" applyNumberFormat="0" applyFill="0" applyAlignment="0" applyProtection="0"/>
    <xf numFmtId="0" fontId="14" fillId="0" borderId="4" applyNumberFormat="0" applyFill="0" applyAlignment="0" applyProtection="0"/>
    <xf numFmtId="0" fontId="15" fillId="0" borderId="5" applyNumberFormat="0" applyFill="0" applyAlignment="0" applyProtection="0"/>
    <xf numFmtId="0" fontId="15" fillId="0" borderId="0" applyNumberFormat="0" applyFill="0" applyBorder="0" applyAlignment="0" applyProtection="0"/>
    <xf numFmtId="0" fontId="16" fillId="7" borderId="1" applyNumberFormat="0" applyAlignment="0" applyProtection="0"/>
    <xf numFmtId="0" fontId="17" fillId="0" borderId="6" applyNumberFormat="0" applyFill="0" applyAlignment="0" applyProtection="0"/>
    <xf numFmtId="0" fontId="18" fillId="22" borderId="0" applyNumberFormat="0" applyBorder="0" applyAlignment="0" applyProtection="0"/>
    <xf numFmtId="0" fontId="4" fillId="0" borderId="0"/>
    <xf numFmtId="0" fontId="4" fillId="0" borderId="0"/>
    <xf numFmtId="0" fontId="23" fillId="0" borderId="0"/>
    <xf numFmtId="0" fontId="4" fillId="0" borderId="0"/>
    <xf numFmtId="0" fontId="2" fillId="23" borderId="7" applyNumberFormat="0" applyFont="0" applyAlignment="0" applyProtection="0"/>
    <xf numFmtId="0" fontId="4" fillId="23" borderId="7" applyNumberFormat="0" applyFont="0" applyAlignment="0" applyProtection="0"/>
    <xf numFmtId="0" fontId="19" fillId="20" borderId="8" applyNumberFormat="0" applyAlignment="0" applyProtection="0"/>
    <xf numFmtId="0" fontId="20" fillId="0" borderId="0" applyNumberFormat="0" applyFill="0" applyBorder="0" applyAlignment="0" applyProtection="0"/>
    <xf numFmtId="0" fontId="21" fillId="0" borderId="9" applyNumberFormat="0" applyFill="0" applyAlignment="0" applyProtection="0"/>
    <xf numFmtId="0" fontId="22" fillId="0" borderId="0" applyNumberFormat="0" applyFill="0" applyBorder="0" applyAlignment="0" applyProtection="0"/>
    <xf numFmtId="0" fontId="25" fillId="0" borderId="0"/>
    <xf numFmtId="0" fontId="4" fillId="0" borderId="0"/>
    <xf numFmtId="0" fontId="5" fillId="0" borderId="0" applyNumberFormat="0" applyFill="0" applyBorder="0" applyAlignment="0" applyProtection="0">
      <alignment vertical="top"/>
      <protection locked="0"/>
    </xf>
    <xf numFmtId="0" fontId="5" fillId="0" borderId="0" applyNumberFormat="0" applyFill="0" applyBorder="0" applyAlignment="0" applyProtection="0">
      <alignment vertical="top"/>
      <protection locked="0"/>
    </xf>
    <xf numFmtId="0" fontId="5" fillId="0" borderId="0" applyNumberFormat="0" applyFill="0" applyBorder="0" applyAlignment="0" applyProtection="0">
      <alignment vertical="top"/>
      <protection locked="0"/>
    </xf>
    <xf numFmtId="0" fontId="5" fillId="0" borderId="0" applyNumberFormat="0" applyFill="0" applyBorder="0" applyAlignment="0" applyProtection="0">
      <alignment vertical="top"/>
      <protection locked="0"/>
    </xf>
    <xf numFmtId="0" fontId="25" fillId="0" borderId="0"/>
    <xf numFmtId="0" fontId="2" fillId="0" borderId="0"/>
    <xf numFmtId="0" fontId="2" fillId="0" borderId="0"/>
    <xf numFmtId="0" fontId="2" fillId="0" borderId="0"/>
    <xf numFmtId="0" fontId="28" fillId="0" borderId="0"/>
    <xf numFmtId="0" fontId="28" fillId="0" borderId="0"/>
    <xf numFmtId="0" fontId="28" fillId="0" borderId="0"/>
    <xf numFmtId="0" fontId="1" fillId="0" borderId="0"/>
    <xf numFmtId="0" fontId="2" fillId="0" borderId="0"/>
    <xf numFmtId="0" fontId="6" fillId="2" borderId="0" applyNumberFormat="0" applyBorder="0" applyAlignment="0" applyProtection="0"/>
    <xf numFmtId="0" fontId="6" fillId="2" borderId="0" applyNumberFormat="0" applyBorder="0" applyAlignment="0" applyProtection="0"/>
    <xf numFmtId="0" fontId="6" fillId="3" borderId="0" applyNumberFormat="0" applyBorder="0" applyAlignment="0" applyProtection="0"/>
    <xf numFmtId="0" fontId="6" fillId="3" borderId="0" applyNumberFormat="0" applyBorder="0" applyAlignment="0" applyProtection="0"/>
    <xf numFmtId="0" fontId="6" fillId="4" borderId="0" applyNumberFormat="0" applyBorder="0" applyAlignment="0" applyProtection="0"/>
    <xf numFmtId="0" fontId="6" fillId="4" borderId="0" applyNumberFormat="0" applyBorder="0" applyAlignment="0" applyProtection="0"/>
    <xf numFmtId="0" fontId="6" fillId="5" borderId="0" applyNumberFormat="0" applyBorder="0" applyAlignment="0" applyProtection="0"/>
    <xf numFmtId="0" fontId="6" fillId="5" borderId="0" applyNumberFormat="0" applyBorder="0" applyAlignment="0" applyProtection="0"/>
    <xf numFmtId="0" fontId="6" fillId="6" borderId="0" applyNumberFormat="0" applyBorder="0" applyAlignment="0" applyProtection="0"/>
    <xf numFmtId="0" fontId="6" fillId="6" borderId="0" applyNumberFormat="0" applyBorder="0" applyAlignment="0" applyProtection="0"/>
    <xf numFmtId="0" fontId="6" fillId="7" borderId="0" applyNumberFormat="0" applyBorder="0" applyAlignment="0" applyProtection="0"/>
    <xf numFmtId="0" fontId="6" fillId="7" borderId="0" applyNumberFormat="0" applyBorder="0" applyAlignment="0" applyProtection="0"/>
    <xf numFmtId="0" fontId="6" fillId="8" borderId="0" applyNumberFormat="0" applyBorder="0" applyAlignment="0" applyProtection="0"/>
    <xf numFmtId="0" fontId="6" fillId="8" borderId="0" applyNumberFormat="0" applyBorder="0" applyAlignment="0" applyProtection="0"/>
    <xf numFmtId="0" fontId="6" fillId="9" borderId="0" applyNumberFormat="0" applyBorder="0" applyAlignment="0" applyProtection="0"/>
    <xf numFmtId="0" fontId="6" fillId="9" borderId="0" applyNumberFormat="0" applyBorder="0" applyAlignment="0" applyProtection="0"/>
    <xf numFmtId="0" fontId="6" fillId="10" borderId="0" applyNumberFormat="0" applyBorder="0" applyAlignment="0" applyProtection="0"/>
    <xf numFmtId="0" fontId="6" fillId="10" borderId="0" applyNumberFormat="0" applyBorder="0" applyAlignment="0" applyProtection="0"/>
    <xf numFmtId="0" fontId="6" fillId="5" borderId="0" applyNumberFormat="0" applyBorder="0" applyAlignment="0" applyProtection="0"/>
    <xf numFmtId="0" fontId="6" fillId="5" borderId="0" applyNumberFormat="0" applyBorder="0" applyAlignment="0" applyProtection="0"/>
    <xf numFmtId="0" fontId="6" fillId="8" borderId="0" applyNumberFormat="0" applyBorder="0" applyAlignment="0" applyProtection="0"/>
    <xf numFmtId="0" fontId="6" fillId="8" borderId="0" applyNumberFormat="0" applyBorder="0" applyAlignment="0" applyProtection="0"/>
    <xf numFmtId="0" fontId="6" fillId="11" borderId="0" applyNumberFormat="0" applyBorder="0" applyAlignment="0" applyProtection="0"/>
    <xf numFmtId="0" fontId="6" fillId="11" borderId="0" applyNumberFormat="0" applyBorder="0" applyAlignment="0" applyProtection="0"/>
    <xf numFmtId="0" fontId="7" fillId="12" borderId="0" applyNumberFormat="0" applyBorder="0" applyAlignment="0" applyProtection="0"/>
    <xf numFmtId="0" fontId="7" fillId="12" borderId="0" applyNumberFormat="0" applyBorder="0" applyAlignment="0" applyProtection="0"/>
    <xf numFmtId="0" fontId="7" fillId="9" borderId="0" applyNumberFormat="0" applyBorder="0" applyAlignment="0" applyProtection="0"/>
    <xf numFmtId="0" fontId="7" fillId="9" borderId="0" applyNumberFormat="0" applyBorder="0" applyAlignment="0" applyProtection="0"/>
    <xf numFmtId="0" fontId="7" fillId="10" borderId="0" applyNumberFormat="0" applyBorder="0" applyAlignment="0" applyProtection="0"/>
    <xf numFmtId="0" fontId="7" fillId="10" borderId="0" applyNumberFormat="0" applyBorder="0" applyAlignment="0" applyProtection="0"/>
    <xf numFmtId="0" fontId="7" fillId="13" borderId="0" applyNumberFormat="0" applyBorder="0" applyAlignment="0" applyProtection="0"/>
    <xf numFmtId="0" fontId="7" fillId="13" borderId="0" applyNumberFormat="0" applyBorder="0" applyAlignment="0" applyProtection="0"/>
    <xf numFmtId="0" fontId="7" fillId="14" borderId="0" applyNumberFormat="0" applyBorder="0" applyAlignment="0" applyProtection="0"/>
    <xf numFmtId="0" fontId="7" fillId="14" borderId="0" applyNumberFormat="0" applyBorder="0" applyAlignment="0" applyProtection="0"/>
    <xf numFmtId="0" fontId="7" fillId="15" borderId="0" applyNumberFormat="0" applyBorder="0" applyAlignment="0" applyProtection="0"/>
    <xf numFmtId="0" fontId="7" fillId="15" borderId="0" applyNumberFormat="0" applyBorder="0" applyAlignment="0" applyProtection="0"/>
    <xf numFmtId="0" fontId="7" fillId="16" borderId="0" applyNumberFormat="0" applyBorder="0" applyAlignment="0" applyProtection="0"/>
    <xf numFmtId="0" fontId="7" fillId="16" borderId="0" applyNumberFormat="0" applyBorder="0" applyAlignment="0" applyProtection="0"/>
    <xf numFmtId="0" fontId="7" fillId="17" borderId="0" applyNumberFormat="0" applyBorder="0" applyAlignment="0" applyProtection="0"/>
    <xf numFmtId="0" fontId="7" fillId="17" borderId="0" applyNumberFormat="0" applyBorder="0" applyAlignment="0" applyProtection="0"/>
    <xf numFmtId="0" fontId="7" fillId="18" borderId="0" applyNumberFormat="0" applyBorder="0" applyAlignment="0" applyProtection="0"/>
    <xf numFmtId="0" fontId="7" fillId="18" borderId="0" applyNumberFormat="0" applyBorder="0" applyAlignment="0" applyProtection="0"/>
    <xf numFmtId="0" fontId="7" fillId="13" borderId="0" applyNumberFormat="0" applyBorder="0" applyAlignment="0" applyProtection="0"/>
    <xf numFmtId="0" fontId="7" fillId="13" borderId="0" applyNumberFormat="0" applyBorder="0" applyAlignment="0" applyProtection="0"/>
    <xf numFmtId="0" fontId="7" fillId="14" borderId="0" applyNumberFormat="0" applyBorder="0" applyAlignment="0" applyProtection="0"/>
    <xf numFmtId="0" fontId="7" fillId="14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8" fillId="3" borderId="0" applyNumberFormat="0" applyBorder="0" applyAlignment="0" applyProtection="0"/>
    <xf numFmtId="0" fontId="8" fillId="3" borderId="0" applyNumberFormat="0" applyBorder="0" applyAlignment="0" applyProtection="0"/>
    <xf numFmtId="0" fontId="9" fillId="20" borderId="1" applyNumberFormat="0" applyAlignment="0" applyProtection="0"/>
    <xf numFmtId="0" fontId="9" fillId="20" borderId="1" applyNumberFormat="0" applyAlignment="0" applyProtection="0"/>
    <xf numFmtId="0" fontId="10" fillId="21" borderId="2" applyNumberFormat="0" applyAlignment="0" applyProtection="0"/>
    <xf numFmtId="0" fontId="10" fillId="21" borderId="2" applyNumberFormat="0" applyAlignment="0" applyProtection="0"/>
    <xf numFmtId="0" fontId="11" fillId="0" borderId="0" applyNumberFormat="0" applyFill="0" applyBorder="0" applyAlignment="0" applyProtection="0"/>
    <xf numFmtId="0" fontId="11" fillId="0" borderId="0" applyNumberFormat="0" applyFill="0" applyBorder="0" applyAlignment="0" applyProtection="0"/>
    <xf numFmtId="0" fontId="12" fillId="4" borderId="0" applyNumberFormat="0" applyBorder="0" applyAlignment="0" applyProtection="0"/>
    <xf numFmtId="0" fontId="12" fillId="4" borderId="0" applyNumberFormat="0" applyBorder="0" applyAlignment="0" applyProtection="0"/>
    <xf numFmtId="0" fontId="13" fillId="0" borderId="3" applyNumberFormat="0" applyFill="0" applyAlignment="0" applyProtection="0"/>
    <xf numFmtId="0" fontId="13" fillId="0" borderId="3" applyNumberFormat="0" applyFill="0" applyAlignment="0" applyProtection="0"/>
    <xf numFmtId="0" fontId="14" fillId="0" borderId="4" applyNumberFormat="0" applyFill="0" applyAlignment="0" applyProtection="0"/>
    <xf numFmtId="0" fontId="14" fillId="0" borderId="4" applyNumberFormat="0" applyFill="0" applyAlignment="0" applyProtection="0"/>
    <xf numFmtId="0" fontId="15" fillId="0" borderId="5" applyNumberFormat="0" applyFill="0" applyAlignment="0" applyProtection="0"/>
    <xf numFmtId="0" fontId="15" fillId="0" borderId="5" applyNumberFormat="0" applyFill="0" applyAlignment="0" applyProtection="0"/>
    <xf numFmtId="0" fontId="15" fillId="0" borderId="0" applyNumberFormat="0" applyFill="0" applyBorder="0" applyAlignment="0" applyProtection="0"/>
    <xf numFmtId="0" fontId="15" fillId="0" borderId="0" applyNumberFormat="0" applyFill="0" applyBorder="0" applyAlignment="0" applyProtection="0"/>
    <xf numFmtId="0" fontId="16" fillId="7" borderId="1" applyNumberFormat="0" applyAlignment="0" applyProtection="0"/>
    <xf numFmtId="0" fontId="16" fillId="7" borderId="1" applyNumberFormat="0" applyAlignment="0" applyProtection="0"/>
    <xf numFmtId="0" fontId="17" fillId="0" borderId="6" applyNumberFormat="0" applyFill="0" applyAlignment="0" applyProtection="0"/>
    <xf numFmtId="0" fontId="17" fillId="0" borderId="6" applyNumberFormat="0" applyFill="0" applyAlignment="0" applyProtection="0"/>
    <xf numFmtId="0" fontId="18" fillId="22" borderId="0" applyNumberFormat="0" applyBorder="0" applyAlignment="0" applyProtection="0"/>
    <xf numFmtId="0" fontId="18" fillId="22" borderId="0" applyNumberFormat="0" applyBorder="0" applyAlignment="0" applyProtection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6" fillId="23" borderId="7" applyNumberFormat="0" applyFont="0" applyAlignment="0" applyProtection="0"/>
    <xf numFmtId="0" fontId="6" fillId="23" borderId="7" applyNumberFormat="0" applyFont="0" applyAlignment="0" applyProtection="0"/>
    <xf numFmtId="0" fontId="6" fillId="23" borderId="7" applyNumberFormat="0" applyFont="0" applyAlignment="0" applyProtection="0"/>
    <xf numFmtId="0" fontId="19" fillId="20" borderId="8" applyNumberFormat="0" applyAlignment="0" applyProtection="0"/>
    <xf numFmtId="0" fontId="19" fillId="20" borderId="8" applyNumberFormat="0" applyAlignment="0" applyProtection="0"/>
    <xf numFmtId="0" fontId="20" fillId="0" borderId="0" applyNumberFormat="0" applyFill="0" applyBorder="0" applyAlignment="0" applyProtection="0"/>
    <xf numFmtId="0" fontId="20" fillId="0" borderId="0" applyNumberFormat="0" applyFill="0" applyBorder="0" applyAlignment="0" applyProtection="0"/>
    <xf numFmtId="0" fontId="21" fillId="0" borderId="9" applyNumberFormat="0" applyFill="0" applyAlignment="0" applyProtection="0"/>
    <xf numFmtId="0" fontId="21" fillId="0" borderId="9" applyNumberFormat="0" applyFill="0" applyAlignment="0" applyProtection="0"/>
    <xf numFmtId="0" fontId="22" fillId="0" borderId="0" applyNumberFormat="0" applyFill="0" applyBorder="0" applyAlignment="0" applyProtection="0"/>
    <xf numFmtId="0" fontId="22" fillId="0" borderId="0" applyNumberFormat="0" applyFill="0" applyBorder="0" applyAlignment="0" applyProtection="0"/>
  </cellStyleXfs>
  <cellXfs count="149">
    <xf numFmtId="0" fontId="0" fillId="0" borderId="0" xfId="0"/>
    <xf numFmtId="0" fontId="0" fillId="0" borderId="0" xfId="0" applyAlignment="1">
      <alignment horizontal="center"/>
    </xf>
    <xf numFmtId="0" fontId="3" fillId="0" borderId="0" xfId="0" applyFont="1" applyAlignment="1">
      <alignment horizontal="center"/>
    </xf>
    <xf numFmtId="0" fontId="4" fillId="0" borderId="0" xfId="0" applyFont="1"/>
    <xf numFmtId="0" fontId="0" fillId="0" borderId="0" xfId="0" applyAlignment="1">
      <alignment horizontal="left"/>
    </xf>
    <xf numFmtId="0" fontId="0" fillId="0" borderId="0" xfId="0" applyAlignment="1"/>
    <xf numFmtId="0" fontId="4" fillId="0" borderId="0" xfId="0" applyFont="1" applyAlignment="1">
      <alignment horizontal="left"/>
    </xf>
    <xf numFmtId="0" fontId="4" fillId="0" borderId="0" xfId="37"/>
    <xf numFmtId="49" fontId="4" fillId="0" borderId="0" xfId="0" applyNumberFormat="1" applyFont="1" applyAlignment="1">
      <alignment horizontal="center"/>
    </xf>
    <xf numFmtId="0" fontId="4" fillId="0" borderId="0" xfId="37" applyAlignment="1">
      <alignment horizontal="left"/>
    </xf>
    <xf numFmtId="0" fontId="4" fillId="0" borderId="0" xfId="37" applyFont="1" applyAlignment="1">
      <alignment horizontal="left"/>
    </xf>
    <xf numFmtId="0" fontId="4" fillId="0" borderId="0" xfId="37" applyFont="1"/>
    <xf numFmtId="0" fontId="4" fillId="0" borderId="0" xfId="38" applyFill="1"/>
    <xf numFmtId="0" fontId="4" fillId="0" borderId="0" xfId="37" applyFill="1"/>
    <xf numFmtId="0" fontId="0" fillId="0" borderId="0" xfId="0" applyAlignment="1">
      <alignment vertical="center"/>
    </xf>
    <xf numFmtId="0" fontId="4" fillId="0" borderId="0" xfId="0" applyFont="1" applyAlignment="1">
      <alignment vertical="center"/>
    </xf>
    <xf numFmtId="165" fontId="0" fillId="0" borderId="0" xfId="0" applyNumberFormat="1" applyAlignment="1">
      <alignment horizontal="center"/>
    </xf>
    <xf numFmtId="0" fontId="4" fillId="0" borderId="0" xfId="0" applyFont="1" applyAlignment="1"/>
    <xf numFmtId="165" fontId="4" fillId="0" borderId="0" xfId="0" applyNumberFormat="1" applyFont="1" applyAlignment="1"/>
    <xf numFmtId="164" fontId="4" fillId="0" borderId="0" xfId="0" applyNumberFormat="1" applyFont="1" applyAlignment="1"/>
    <xf numFmtId="0" fontId="0" fillId="0" borderId="0" xfId="0" applyFont="1"/>
    <xf numFmtId="0" fontId="4" fillId="0" borderId="0" xfId="37" applyFont="1" applyFill="1"/>
    <xf numFmtId="49" fontId="0" fillId="0" borderId="0" xfId="0" applyNumberFormat="1"/>
    <xf numFmtId="49" fontId="0" fillId="0" borderId="0" xfId="0" applyNumberFormat="1" applyAlignment="1">
      <alignment vertical="center"/>
    </xf>
    <xf numFmtId="49" fontId="4" fillId="0" borderId="0" xfId="0" applyNumberFormat="1" applyFont="1"/>
    <xf numFmtId="49" fontId="24" fillId="24" borderId="0" xfId="53" applyNumberFormat="1" applyFont="1" applyFill="1"/>
    <xf numFmtId="49" fontId="26" fillId="0" borderId="0" xfId="53" applyNumberFormat="1" applyFont="1"/>
    <xf numFmtId="49" fontId="26" fillId="24" borderId="0" xfId="53" applyNumberFormat="1" applyFont="1" applyFill="1"/>
    <xf numFmtId="49" fontId="25" fillId="0" borderId="0" xfId="53" applyNumberFormat="1"/>
    <xf numFmtId="49" fontId="25" fillId="0" borderId="0" xfId="53" applyNumberFormat="1" applyAlignment="1">
      <alignment vertical="center"/>
    </xf>
    <xf numFmtId="49" fontId="4" fillId="0" borderId="0" xfId="53" applyNumberFormat="1" applyFont="1"/>
    <xf numFmtId="49" fontId="24" fillId="0" borderId="0" xfId="53" applyNumberFormat="1" applyFont="1"/>
    <xf numFmtId="0" fontId="2" fillId="0" borderId="0" xfId="0" applyFont="1"/>
    <xf numFmtId="0" fontId="2" fillId="0" borderId="0" xfId="0" applyFont="1" applyFill="1" applyBorder="1"/>
    <xf numFmtId="0" fontId="2" fillId="0" borderId="0" xfId="0" applyFont="1"/>
    <xf numFmtId="0" fontId="27" fillId="25" borderId="10" xfId="0" applyFont="1" applyFill="1" applyBorder="1"/>
    <xf numFmtId="0" fontId="27" fillId="26" borderId="10" xfId="0" applyFont="1" applyFill="1" applyBorder="1"/>
    <xf numFmtId="0" fontId="2" fillId="0" borderId="0" xfId="0" applyFont="1"/>
    <xf numFmtId="0" fontId="27" fillId="25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6" borderId="10" xfId="0" applyFont="1" applyFill="1" applyBorder="1"/>
    <xf numFmtId="0" fontId="27" fillId="26" borderId="10" xfId="0" applyFont="1" applyFill="1" applyBorder="1"/>
    <xf numFmtId="0" fontId="27" fillId="26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6" borderId="10" xfId="0" applyFont="1" applyFill="1" applyBorder="1"/>
    <xf numFmtId="0" fontId="27" fillId="26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9" fillId="26" borderId="11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" fillId="0" borderId="0" xfId="0" applyFont="1"/>
    <xf numFmtId="0" fontId="27" fillId="25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6" borderId="10" xfId="0" applyFont="1" applyFill="1" applyBorder="1"/>
    <xf numFmtId="0" fontId="27" fillId="26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6" borderId="10" xfId="0" applyFont="1" applyFill="1" applyBorder="1"/>
    <xf numFmtId="0" fontId="27" fillId="26" borderId="10" xfId="0" applyFont="1" applyFill="1" applyBorder="1"/>
    <xf numFmtId="0" fontId="27" fillId="26" borderId="10" xfId="0" applyFont="1" applyFill="1" applyBorder="1"/>
    <xf numFmtId="0" fontId="27" fillId="25" borderId="10" xfId="0" applyFont="1" applyFill="1" applyBorder="1"/>
    <xf numFmtId="0" fontId="27" fillId="25" borderId="10" xfId="0" applyFont="1" applyFill="1" applyBorder="1"/>
    <xf numFmtId="0" fontId="4" fillId="24" borderId="0" xfId="0" applyFont="1" applyFill="1"/>
    <xf numFmtId="0" fontId="2" fillId="24" borderId="0" xfId="0" applyFont="1" applyFill="1" applyBorder="1"/>
    <xf numFmtId="0" fontId="2" fillId="0" borderId="0" xfId="134"/>
    <xf numFmtId="0" fontId="2" fillId="0" borderId="0" xfId="37" applyFont="1"/>
    <xf numFmtId="0" fontId="2" fillId="0" borderId="0" xfId="37" applyFont="1" applyFill="1"/>
    <xf numFmtId="0" fontId="2" fillId="0" borderId="0" xfId="134" applyFill="1"/>
    <xf numFmtId="0" fontId="24" fillId="0" borderId="0" xfId="37" applyFont="1"/>
    <xf numFmtId="0" fontId="24" fillId="0" borderId="0" xfId="0" applyFont="1"/>
    <xf numFmtId="49" fontId="2" fillId="0" borderId="0" xfId="0" applyNumberFormat="1" applyFont="1"/>
  </cellXfs>
  <cellStyles count="160">
    <cellStyle name="20% - Accent1" xfId="1" builtinId="30" customBuiltin="1"/>
    <cellStyle name="20% - Accent1 2" xfId="62" xr:uid="{FC90C4DF-63C7-48BC-A2C6-573338FBBC87}"/>
    <cellStyle name="20% - Accent1 3" xfId="63" xr:uid="{1878FB3C-4966-4FBF-AC52-A895A5FE2754}"/>
    <cellStyle name="20% - Accent2" xfId="2" builtinId="34" customBuiltin="1"/>
    <cellStyle name="20% - Accent2 2" xfId="64" xr:uid="{A6F18C2F-2898-4A69-AEC0-42C07D4F3E19}"/>
    <cellStyle name="20% - Accent2 3" xfId="65" xr:uid="{06B66540-E498-4B5F-924A-44FD612248A7}"/>
    <cellStyle name="20% - Accent3" xfId="3" builtinId="38" customBuiltin="1"/>
    <cellStyle name="20% - Accent3 2" xfId="66" xr:uid="{1B42D030-661F-4744-9F18-4C6B2169F70D}"/>
    <cellStyle name="20% - Accent3 3" xfId="67" xr:uid="{20A57A5E-992C-47A4-A7A2-C6C3280F70E9}"/>
    <cellStyle name="20% - Accent4" xfId="4" builtinId="42" customBuiltin="1"/>
    <cellStyle name="20% - Accent4 2" xfId="68" xr:uid="{1473EAE9-4742-4605-9F53-AB5DC63720C6}"/>
    <cellStyle name="20% - Accent4 3" xfId="69" xr:uid="{23365071-744B-4779-B367-E3A712A0924C}"/>
    <cellStyle name="20% - Accent5" xfId="5" builtinId="46" customBuiltin="1"/>
    <cellStyle name="20% - Accent5 2" xfId="70" xr:uid="{F63895FB-4917-48F8-AC69-C6782A28AB0C}"/>
    <cellStyle name="20% - Accent5 3" xfId="71" xr:uid="{137CC0CA-AA93-40A8-ABE1-63AE3394B62E}"/>
    <cellStyle name="20% - Accent6" xfId="6" builtinId="50" customBuiltin="1"/>
    <cellStyle name="20% - Accent6 2" xfId="72" xr:uid="{5A226301-5BBF-4243-95C8-0367A21588AB}"/>
    <cellStyle name="20% - Accent6 3" xfId="73" xr:uid="{90FC7514-EED6-4C39-B05A-491FDED1EE86}"/>
    <cellStyle name="40% - Accent1" xfId="7" builtinId="31" customBuiltin="1"/>
    <cellStyle name="40% - Accent1 2" xfId="74" xr:uid="{4E1E3E89-F370-4D79-BEED-37DF78529F65}"/>
    <cellStyle name="40% - Accent1 3" xfId="75" xr:uid="{323C07BF-0398-4B92-9D3C-B23FC69E608A}"/>
    <cellStyle name="40% - Accent2" xfId="8" builtinId="35" customBuiltin="1"/>
    <cellStyle name="40% - Accent2 2" xfId="76" xr:uid="{FCA1FB39-64FF-4C78-A988-B7698A57134A}"/>
    <cellStyle name="40% - Accent2 3" xfId="77" xr:uid="{CFFD421E-0304-480E-9195-3BE7E3598DDD}"/>
    <cellStyle name="40% - Accent3" xfId="9" builtinId="39" customBuiltin="1"/>
    <cellStyle name="40% - Accent3 2" xfId="78" xr:uid="{72B7749B-00D9-4D31-AC06-E453C519BF0A}"/>
    <cellStyle name="40% - Accent3 3" xfId="79" xr:uid="{27784C68-B434-41F6-81C7-8F6276F04382}"/>
    <cellStyle name="40% - Accent4" xfId="10" builtinId="43" customBuiltin="1"/>
    <cellStyle name="40% - Accent4 2" xfId="80" xr:uid="{1521EB6F-0041-402A-875D-75FF102859B9}"/>
    <cellStyle name="40% - Accent4 3" xfId="81" xr:uid="{554EDA2D-C3ED-48D2-BFCD-1CD7993F13C8}"/>
    <cellStyle name="40% - Accent5" xfId="11" builtinId="47" customBuiltin="1"/>
    <cellStyle name="40% - Accent5 2" xfId="82" xr:uid="{D7D33F7E-230A-42B6-8A6A-C39467F1E3EA}"/>
    <cellStyle name="40% - Accent5 3" xfId="83" xr:uid="{95B7317E-AD48-475F-A304-7467630CC179}"/>
    <cellStyle name="40% - Accent6" xfId="12" builtinId="51" customBuiltin="1"/>
    <cellStyle name="40% - Accent6 2" xfId="84" xr:uid="{C7435A9E-8BAA-457A-B6E5-67D37A39D7EF}"/>
    <cellStyle name="40% - Accent6 3" xfId="85" xr:uid="{F639215B-D0BA-4296-91BC-993138EFBCE7}"/>
    <cellStyle name="60% - Accent1" xfId="13" builtinId="32" customBuiltin="1"/>
    <cellStyle name="60% - Accent1 2" xfId="86" xr:uid="{8E25F553-AF3F-4C97-A356-15F32F461D4C}"/>
    <cellStyle name="60% - Accent1 3" xfId="87" xr:uid="{7BECF461-2126-4E0A-BEAD-55644B91BD8F}"/>
    <cellStyle name="60% - Accent2" xfId="14" builtinId="36" customBuiltin="1"/>
    <cellStyle name="60% - Accent2 2" xfId="88" xr:uid="{E3F39842-A04B-4357-A94B-E0D389CE78E5}"/>
    <cellStyle name="60% - Accent2 3" xfId="89" xr:uid="{BAF23650-E627-4EC4-B6BD-1B1CB06DD583}"/>
    <cellStyle name="60% - Accent3" xfId="15" builtinId="40" customBuiltin="1"/>
    <cellStyle name="60% - Accent3 2" xfId="90" xr:uid="{A1E7EEA4-ECC6-411D-BC01-40F9FFD4BB98}"/>
    <cellStyle name="60% - Accent3 3" xfId="91" xr:uid="{10895C21-3AE9-4543-A728-9B0F69323CE3}"/>
    <cellStyle name="60% - Accent4" xfId="16" builtinId="44" customBuiltin="1"/>
    <cellStyle name="60% - Accent4 2" xfId="92" xr:uid="{D7F385C1-DF2E-4532-B4F6-D541E73ADCCA}"/>
    <cellStyle name="60% - Accent4 3" xfId="93" xr:uid="{32B720B4-E6DA-449F-8920-BEFD08DED32E}"/>
    <cellStyle name="60% - Accent5" xfId="17" builtinId="48" customBuiltin="1"/>
    <cellStyle name="60% - Accent5 2" xfId="94" xr:uid="{9DC55AC8-AFA1-445A-B9D3-3A6E6FB6CD8C}"/>
    <cellStyle name="60% - Accent5 3" xfId="95" xr:uid="{F2495BB7-3D8C-4582-A1AF-5B77BE0AED4A}"/>
    <cellStyle name="60% - Accent6" xfId="18" builtinId="52" customBuiltin="1"/>
    <cellStyle name="60% - Accent6 2" xfId="96" xr:uid="{76308783-2B55-49B4-87E7-063D5843F96D}"/>
    <cellStyle name="60% - Accent6 3" xfId="97" xr:uid="{FA425C0E-B5EE-4A31-A2C2-418B8A28A79F}"/>
    <cellStyle name="Accent1" xfId="19" builtinId="29" customBuiltin="1"/>
    <cellStyle name="Accent1 2" xfId="98" xr:uid="{6E0F9C0C-056A-4306-9594-0F2D5A4B821D}"/>
    <cellStyle name="Accent1 3" xfId="99" xr:uid="{2D34D669-DBFC-4DEE-9E9B-71A87796DA4E}"/>
    <cellStyle name="Accent2" xfId="20" builtinId="33" customBuiltin="1"/>
    <cellStyle name="Accent2 2" xfId="100" xr:uid="{D48F0369-1027-497B-B786-72BEF9957DA7}"/>
    <cellStyle name="Accent2 3" xfId="101" xr:uid="{A4326B7A-CC38-42D9-9344-F1BB6D33DC44}"/>
    <cellStyle name="Accent3" xfId="21" builtinId="37" customBuiltin="1"/>
    <cellStyle name="Accent3 2" xfId="102" xr:uid="{D193822C-B31C-4C18-B5BF-61B036AE198F}"/>
    <cellStyle name="Accent3 3" xfId="103" xr:uid="{06A2BF95-1D46-4678-B7A2-CDFFC31CAED9}"/>
    <cellStyle name="Accent4" xfId="22" builtinId="41" customBuiltin="1"/>
    <cellStyle name="Accent4 2" xfId="104" xr:uid="{A69F6478-74ED-4148-BE62-DBAC4803D54E}"/>
    <cellStyle name="Accent4 3" xfId="105" xr:uid="{574B6AEE-F6A4-43FC-9F2A-D43F00B25432}"/>
    <cellStyle name="Accent5" xfId="23" builtinId="45" customBuiltin="1"/>
    <cellStyle name="Accent5 2" xfId="106" xr:uid="{FCAE2BB2-E683-4829-A0FD-FC473B6E31A3}"/>
    <cellStyle name="Accent5 3" xfId="107" xr:uid="{3811940A-8641-404D-8721-C69D21EF5CBA}"/>
    <cellStyle name="Accent6" xfId="24" builtinId="49" customBuiltin="1"/>
    <cellStyle name="Accent6 2" xfId="108" xr:uid="{5E0B15A5-FD4F-416B-8EC5-470AFA814991}"/>
    <cellStyle name="Accent6 3" xfId="109" xr:uid="{04D0673E-3F49-41ED-856E-30641B92549A}"/>
    <cellStyle name="Bad" xfId="25" builtinId="27" customBuiltin="1"/>
    <cellStyle name="Bad 2" xfId="110" xr:uid="{C9C3A744-12FE-4E8E-8D52-29C2CB2C68A4}"/>
    <cellStyle name="Bad 3" xfId="111" xr:uid="{64CB37AA-2077-4186-96A5-CD0E13BD792E}"/>
    <cellStyle name="Calculation" xfId="26" builtinId="22" customBuiltin="1"/>
    <cellStyle name="Calculation 2" xfId="112" xr:uid="{54789104-4746-42E4-8661-9BF8235E1BEE}"/>
    <cellStyle name="Calculation 3" xfId="113" xr:uid="{B5D73910-F59B-45CC-80D0-F9D7A5126F3F}"/>
    <cellStyle name="Check Cell" xfId="27" builtinId="23" customBuiltin="1"/>
    <cellStyle name="Check Cell 2" xfId="114" xr:uid="{844AF2EF-7BF1-4754-B23A-8781717D187B}"/>
    <cellStyle name="Check Cell 3" xfId="115" xr:uid="{8DF866B9-EFBA-4775-B994-17038F4AD9CE}"/>
    <cellStyle name="Explanatory Text" xfId="28" builtinId="53" customBuiltin="1"/>
    <cellStyle name="Explanatory Text 2" xfId="116" xr:uid="{31CC1E55-4C09-4530-84EA-AC7CB27E8501}"/>
    <cellStyle name="Explanatory Text 3" xfId="117" xr:uid="{A3DB6DB0-21ED-4E61-8B1F-AB9E598F9873}"/>
    <cellStyle name="Good" xfId="29" builtinId="26" customBuiltin="1"/>
    <cellStyle name="Good 2" xfId="118" xr:uid="{7046B1AA-84F6-489B-842C-2DFCACE27DF9}"/>
    <cellStyle name="Good 3" xfId="119" xr:uid="{9476F817-0F6B-4EA3-A5FF-280DE60C794C}"/>
    <cellStyle name="Heading 1" xfId="30" builtinId="16" customBuiltin="1"/>
    <cellStyle name="Heading 1 2" xfId="120" xr:uid="{2CA5819A-E4CD-404D-96FF-CB19DE9A386D}"/>
    <cellStyle name="Heading 1 3" xfId="121" xr:uid="{700221C3-2123-483C-B681-5B94BDAEFF11}"/>
    <cellStyle name="Heading 2" xfId="31" builtinId="17" customBuiltin="1"/>
    <cellStyle name="Heading 2 2" xfId="122" xr:uid="{E6CF51B3-140F-47A4-B6AE-796820CF43A6}"/>
    <cellStyle name="Heading 2 3" xfId="123" xr:uid="{C0F6491D-3BA1-4C7B-B997-23FAD464287F}"/>
    <cellStyle name="Heading 3" xfId="32" builtinId="18" customBuiltin="1"/>
    <cellStyle name="Heading 3 2" xfId="124" xr:uid="{FB73676C-E8A9-44C8-B423-03A8A6CDC96B}"/>
    <cellStyle name="Heading 3 3" xfId="125" xr:uid="{E1B8F518-7617-4A4F-89B7-5D3539A8FDBB}"/>
    <cellStyle name="Heading 4" xfId="33" builtinId="19" customBuiltin="1"/>
    <cellStyle name="Heading 4 2" xfId="126" xr:uid="{309B617E-3F00-4587-8202-AEBFE2D35FF2}"/>
    <cellStyle name="Heading 4 3" xfId="127" xr:uid="{05A4E8CA-3FB5-4911-980A-DD696DD4501D}"/>
    <cellStyle name="Hyperlink 2" xfId="49" xr:uid="{00000000-0005-0000-0000-000021000000}"/>
    <cellStyle name="Hyperlink 2 2" xfId="50" xr:uid="{00000000-0005-0000-0000-000022000000}"/>
    <cellStyle name="Hyperlink 2 2 2" xfId="51" xr:uid="{00000000-0005-0000-0000-000023000000}"/>
    <cellStyle name="Hyperlink 2 2 2 2" xfId="52" xr:uid="{00000000-0005-0000-0000-000024000000}"/>
    <cellStyle name="Input" xfId="34" builtinId="20" customBuiltin="1"/>
    <cellStyle name="Input 2" xfId="128" xr:uid="{26960C15-CC99-4B0A-BE25-2CE8EE929C29}"/>
    <cellStyle name="Input 3" xfId="129" xr:uid="{86221310-17E8-4955-A035-D168837BC844}"/>
    <cellStyle name="Linked Cell" xfId="35" builtinId="24" customBuiltin="1"/>
    <cellStyle name="Linked Cell 2" xfId="130" xr:uid="{7472A72A-E5EF-48ED-AE58-91AC91E99360}"/>
    <cellStyle name="Linked Cell 3" xfId="131" xr:uid="{33AB9C25-E89D-4118-A7C0-6BD9BFE0AD30}"/>
    <cellStyle name="Neutral" xfId="36" builtinId="28" customBuiltin="1"/>
    <cellStyle name="Neutral 2" xfId="132" xr:uid="{6977383B-E8FE-4818-A26A-F2CA54D24AB9}"/>
    <cellStyle name="Neutral 3" xfId="133" xr:uid="{F3CEA1EF-1D1B-45BE-8956-623EC4541C58}"/>
    <cellStyle name="Normal" xfId="0" builtinId="0"/>
    <cellStyle name="Normal 2" xfId="37" xr:uid="{00000000-0005-0000-0000-000029000000}"/>
    <cellStyle name="Normal 2 2" xfId="38" xr:uid="{00000000-0005-0000-0000-00002A000000}"/>
    <cellStyle name="Normal 2 2 2" xfId="134" xr:uid="{48E4FE35-705A-4E0C-B8C1-62F945EDAF27}"/>
    <cellStyle name="Normal 2 2 3" xfId="55" xr:uid="{7F5FFB29-552D-44E1-A643-77D126845A88}"/>
    <cellStyle name="Normal 2 3" xfId="53" xr:uid="{00000000-0005-0000-0000-00002B000000}"/>
    <cellStyle name="Normal 2 3 2" xfId="61" xr:uid="{A38AA4B9-C266-4B8E-8203-D73BA9D75030}"/>
    <cellStyle name="Normal 2 4" xfId="54" xr:uid="{43EA0CB8-52DA-484F-9721-80C0C6DB6BF4}"/>
    <cellStyle name="Normal 3" xfId="39" xr:uid="{00000000-0005-0000-0000-00002C000000}"/>
    <cellStyle name="Normal 3 2" xfId="40" xr:uid="{00000000-0005-0000-0000-00002D000000}"/>
    <cellStyle name="Normal 3 2 2" xfId="137" xr:uid="{0A1454E7-A302-4933-8B9A-41ECA75CAB3C}"/>
    <cellStyle name="Normal 3 2 3" xfId="138" xr:uid="{FAF99F9F-D124-495A-A57C-C5EAA6806E6B}"/>
    <cellStyle name="Normal 3 2 4" xfId="136" xr:uid="{D720C51C-0774-44A4-9830-C32B3311BD6B}"/>
    <cellStyle name="Normal 3 3" xfId="139" xr:uid="{C0AA398E-A30D-4A2B-9D07-83121D54AA33}"/>
    <cellStyle name="Normal 3 4" xfId="140" xr:uid="{0CC57100-41DA-4ADE-AAE2-A77086C7A519}"/>
    <cellStyle name="Normal 3 5" xfId="135" xr:uid="{BFD30B1F-BA18-4A07-927E-73FAAD89B9E2}"/>
    <cellStyle name="Normal 4" xfId="48" xr:uid="{00000000-0005-0000-0000-00002E000000}"/>
    <cellStyle name="Normal 4 2" xfId="142" xr:uid="{9620FC91-3FB8-4B25-B3E6-2FCD496CDAA1}"/>
    <cellStyle name="Normal 4 2 2" xfId="143" xr:uid="{1EBFF76D-AF3A-479F-AD7D-3AE764388D32}"/>
    <cellStyle name="Normal 4 2 3" xfId="144" xr:uid="{A85C0DEF-EBD1-4733-8455-3B20CA104662}"/>
    <cellStyle name="Normal 4 3" xfId="145" xr:uid="{48082662-CB77-4795-88C1-87715DBCFF44}"/>
    <cellStyle name="Normal 4 4" xfId="146" xr:uid="{4A5B6510-1FC2-4F47-93D4-061941C4E27E}"/>
    <cellStyle name="Normal 4 5" xfId="141" xr:uid="{65DD7334-81D9-4019-BC9E-461933C3AB28}"/>
    <cellStyle name="Normal 4 6" xfId="56" xr:uid="{2B522074-F199-453E-B680-1FC89DDC034A}"/>
    <cellStyle name="Normal 5" xfId="47" xr:uid="{00000000-0005-0000-0000-00002F000000}"/>
    <cellStyle name="Normal 5 2" xfId="59" xr:uid="{ACC7F023-5563-4426-9891-0111B706DB78}"/>
    <cellStyle name="Normal 6" xfId="57" xr:uid="{4C43F449-3658-4D04-99F9-DB4C8C369EA0}"/>
    <cellStyle name="Normal 6 2" xfId="58" xr:uid="{54846A06-4B74-45EC-8E92-8352DFAD5ED9}"/>
    <cellStyle name="Normal 7" xfId="147" xr:uid="{9EC952F5-FDE0-41B5-A49C-A60DBFE3F337}"/>
    <cellStyle name="Normal 8" xfId="60" xr:uid="{AD96E308-D057-4145-B12E-7D30B411C9B5}"/>
    <cellStyle name="Normal 8 2" xfId="148" xr:uid="{171E865D-64AF-4C3E-B726-B785505D9A7F}"/>
    <cellStyle name="Note" xfId="41" builtinId="10" customBuiltin="1"/>
    <cellStyle name="Note 2" xfId="42" xr:uid="{00000000-0005-0000-0000-000031000000}"/>
    <cellStyle name="Note 2 2" xfId="150" xr:uid="{F15FFAFA-36E1-484A-98FF-7D083E180AF2}"/>
    <cellStyle name="Note 3" xfId="151" xr:uid="{B8A275D8-EE04-4E01-81EF-F29ADA713F82}"/>
    <cellStyle name="Note 4" xfId="149" xr:uid="{2BF72A6F-E804-4BC2-8557-F3772DE5D809}"/>
    <cellStyle name="Output" xfId="43" builtinId="21" customBuiltin="1"/>
    <cellStyle name="Output 2" xfId="152" xr:uid="{B4F1A3CD-3467-4DA7-B5B5-7BE8A0D87568}"/>
    <cellStyle name="Output 3" xfId="153" xr:uid="{E62B7348-641F-4B28-9E12-7B809B8853A0}"/>
    <cellStyle name="Title" xfId="44" builtinId="15" customBuiltin="1"/>
    <cellStyle name="Title 2" xfId="154" xr:uid="{0FDA6381-75D3-4893-8D93-0BA6C21B84F4}"/>
    <cellStyle name="Title 3" xfId="155" xr:uid="{2FE65E35-AB2C-42E2-AB07-2AC576436EE8}"/>
    <cellStyle name="Total" xfId="45" builtinId="25" customBuiltin="1"/>
    <cellStyle name="Total 2" xfId="156" xr:uid="{394D40EB-2E84-42EF-9178-D2D8AE1EDD27}"/>
    <cellStyle name="Total 3" xfId="157" xr:uid="{3C554058-CAA4-4580-924D-9AC2420C4EAC}"/>
    <cellStyle name="Warning Text" xfId="46" builtinId="11" customBuiltin="1"/>
    <cellStyle name="Warning Text 2" xfId="158" xr:uid="{2F05159C-97C8-4F14-930F-7B6A78B60154}"/>
    <cellStyle name="Warning Text 3" xfId="159" xr:uid="{E3292140-16F3-46C6-969A-F9002ED44177}"/>
  </cellStyles>
  <dxfs count="842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b/>
        <i val="0"/>
      </font>
      <fill>
        <patternFill>
          <bgColor rgb="FFD7D7D7"/>
        </patternFill>
      </fill>
    </dxf>
    <dxf>
      <font>
        <b val="0"/>
        <i val="0"/>
      </font>
      <fill>
        <patternFill patternType="none">
          <bgColor indexed="65"/>
        </patternFill>
      </fill>
    </dxf>
  </dxfs>
  <tableStyles count="1" defaultTableStyle="TableStyleMedium2" defaultPivotStyle="PivotStyleLight16">
    <tableStyle name="MySqlDefault" pivot="0" table="0" count="2" xr9:uid="{DC737F86-7DFB-4906-8F63-9D3558520E98}">
      <tableStyleElement type="wholeTable" dxfId="841"/>
      <tableStyleElement type="headerRow" dxfId="840"/>
    </tableStyle>
  </tableStyle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pageSetUpPr fitToPage="1"/>
  </sheetPr>
  <dimension ref="A1:T181"/>
  <sheetViews>
    <sheetView tabSelected="1" topLeftCell="C1" zoomScaleNormal="100" workbookViewId="0">
      <selection activeCell="L37" sqref="L37"/>
    </sheetView>
  </sheetViews>
  <sheetFormatPr defaultRowHeight="12.75" x14ac:dyDescent="0.2"/>
  <cols>
    <col min="1" max="1" width="15" style="1" customWidth="1"/>
    <col min="2" max="3" width="5.7109375" customWidth="1"/>
    <col min="4" max="4" width="24" customWidth="1"/>
    <col min="5" max="5" width="16.5703125" customWidth="1"/>
    <col min="6" max="6" width="6.42578125" style="14" customWidth="1"/>
    <col min="7" max="7" width="7.140625" customWidth="1"/>
    <col min="8" max="8" width="23.7109375" customWidth="1"/>
    <col min="9" max="9" width="16.7109375" customWidth="1"/>
    <col min="10" max="10" width="8" customWidth="1"/>
    <col min="11" max="11" width="5.7109375" customWidth="1"/>
    <col min="12" max="12" width="22.42578125" customWidth="1"/>
    <col min="13" max="13" width="21.42578125" customWidth="1"/>
    <col min="14" max="14" width="5.7109375" customWidth="1"/>
    <col min="15" max="15" width="8.140625" customWidth="1"/>
    <col min="16" max="16" width="21.5703125" customWidth="1"/>
    <col min="17" max="17" width="16.85546875" bestFit="1" customWidth="1"/>
    <col min="20" max="20" width="21.28515625" customWidth="1"/>
  </cols>
  <sheetData>
    <row r="1" spans="1:20" ht="15" x14ac:dyDescent="0.25">
      <c r="B1" s="22"/>
      <c r="C1" s="3"/>
      <c r="D1" s="27" t="s">
        <v>139</v>
      </c>
      <c r="N1" s="22"/>
      <c r="O1" s="3"/>
      <c r="R1" s="22"/>
      <c r="S1" s="3"/>
    </row>
    <row r="2" spans="1:20" ht="15" x14ac:dyDescent="0.25">
      <c r="B2" s="22"/>
      <c r="C2" s="3"/>
      <c r="D2" s="27" t="s">
        <v>140</v>
      </c>
      <c r="N2" s="22"/>
      <c r="O2" s="3"/>
      <c r="R2" s="22"/>
      <c r="S2" s="3"/>
    </row>
    <row r="3" spans="1:20" x14ac:dyDescent="0.2">
      <c r="B3" s="22"/>
      <c r="C3" s="3"/>
      <c r="D3" s="25" t="s">
        <v>141</v>
      </c>
      <c r="E3" s="4"/>
      <c r="N3" s="22"/>
      <c r="O3" s="3"/>
      <c r="R3" s="22"/>
      <c r="S3" s="3"/>
    </row>
    <row r="4" spans="1:20" ht="20.25" x14ac:dyDescent="0.3">
      <c r="B4" s="22"/>
      <c r="C4" s="3"/>
      <c r="D4" s="25" t="s">
        <v>142</v>
      </c>
      <c r="H4" s="2" t="s">
        <v>122</v>
      </c>
      <c r="N4" s="22"/>
      <c r="O4" s="3"/>
      <c r="R4" s="22"/>
      <c r="S4" s="3"/>
    </row>
    <row r="5" spans="1:20" ht="15" x14ac:dyDescent="0.25">
      <c r="B5" s="22"/>
      <c r="C5" s="3"/>
      <c r="D5" s="27" t="s">
        <v>143</v>
      </c>
      <c r="H5" s="8"/>
      <c r="N5" s="22"/>
      <c r="O5" s="3"/>
      <c r="R5" s="22"/>
      <c r="S5" s="3"/>
    </row>
    <row r="6" spans="1:20" ht="15" x14ac:dyDescent="0.25">
      <c r="B6" s="22"/>
      <c r="C6" s="3"/>
      <c r="D6" s="27" t="s">
        <v>144</v>
      </c>
      <c r="H6" s="8" t="s">
        <v>123</v>
      </c>
      <c r="N6" s="22"/>
      <c r="O6" s="3"/>
      <c r="R6" s="22"/>
      <c r="S6" s="3"/>
    </row>
    <row r="7" spans="1:20" ht="15" x14ac:dyDescent="0.25">
      <c r="B7" s="22"/>
      <c r="C7" s="3"/>
      <c r="D7" s="27" t="s">
        <v>145</v>
      </c>
      <c r="J7" s="1"/>
    </row>
    <row r="8" spans="1:20" x14ac:dyDescent="0.2">
      <c r="A8" s="5" t="s">
        <v>1</v>
      </c>
      <c r="B8" s="22"/>
      <c r="C8" s="3"/>
      <c r="D8" s="19"/>
      <c r="E8" s="14" t="s">
        <v>2</v>
      </c>
      <c r="I8" t="s">
        <v>3</v>
      </c>
      <c r="J8" s="1"/>
      <c r="M8" s="3" t="s">
        <v>30</v>
      </c>
      <c r="Q8" s="3" t="s">
        <v>31</v>
      </c>
    </row>
    <row r="9" spans="1:20" x14ac:dyDescent="0.2">
      <c r="A9" s="16">
        <v>44429</v>
      </c>
      <c r="B9" t="s">
        <v>14</v>
      </c>
      <c r="C9" t="s">
        <v>15</v>
      </c>
      <c r="E9" s="16">
        <v>44429</v>
      </c>
      <c r="F9" t="s">
        <v>14</v>
      </c>
      <c r="G9" t="s">
        <v>15</v>
      </c>
      <c r="I9" s="16">
        <v>44429</v>
      </c>
      <c r="J9" s="3" t="s">
        <v>14</v>
      </c>
      <c r="K9" s="3" t="s">
        <v>15</v>
      </c>
      <c r="M9" s="16">
        <v>44429</v>
      </c>
      <c r="N9" s="3" t="s">
        <v>14</v>
      </c>
      <c r="O9" s="3" t="s">
        <v>15</v>
      </c>
      <c r="Q9" s="16">
        <v>44429</v>
      </c>
      <c r="R9" s="3" t="s">
        <v>14</v>
      </c>
      <c r="S9" s="3" t="s">
        <v>15</v>
      </c>
    </row>
    <row r="10" spans="1:20" x14ac:dyDescent="0.2">
      <c r="A10" s="22" t="s">
        <v>86</v>
      </c>
      <c r="B10" s="24" t="s">
        <v>147</v>
      </c>
      <c r="C10" s="3"/>
      <c r="D10" s="22" t="s">
        <v>149</v>
      </c>
      <c r="E10" s="22" t="s">
        <v>86</v>
      </c>
      <c r="F10" s="3" t="s">
        <v>147</v>
      </c>
      <c r="G10" s="3"/>
      <c r="H10" s="22" t="s">
        <v>177</v>
      </c>
      <c r="I10" s="22" t="s">
        <v>86</v>
      </c>
      <c r="J10" s="3" t="s">
        <v>147</v>
      </c>
      <c r="K10" s="3"/>
      <c r="L10" s="22" t="s">
        <v>204</v>
      </c>
      <c r="M10" s="22" t="s">
        <v>86</v>
      </c>
      <c r="N10" s="3" t="s">
        <v>147</v>
      </c>
      <c r="O10" s="3"/>
      <c r="P10" s="22" t="s">
        <v>232</v>
      </c>
      <c r="Q10" s="22" t="s">
        <v>86</v>
      </c>
      <c r="R10" s="3" t="s">
        <v>147</v>
      </c>
      <c r="S10" s="3"/>
      <c r="T10" s="55" t="s">
        <v>260</v>
      </c>
    </row>
    <row r="11" spans="1:20" x14ac:dyDescent="0.2">
      <c r="A11" s="22" t="s">
        <v>87</v>
      </c>
      <c r="B11" s="22" t="s">
        <v>121</v>
      </c>
      <c r="C11" s="3"/>
      <c r="D11" s="22" t="s">
        <v>150</v>
      </c>
      <c r="E11" s="22" t="s">
        <v>87</v>
      </c>
      <c r="F11" s="3" t="s">
        <v>121</v>
      </c>
      <c r="G11" s="3"/>
      <c r="H11" s="22" t="s">
        <v>178</v>
      </c>
      <c r="I11" s="22" t="s">
        <v>87</v>
      </c>
      <c r="J11" s="3" t="s">
        <v>121</v>
      </c>
      <c r="K11" s="3"/>
      <c r="L11" s="22" t="s">
        <v>206</v>
      </c>
      <c r="M11" s="22" t="s">
        <v>87</v>
      </c>
      <c r="N11" s="3" t="s">
        <v>121</v>
      </c>
      <c r="O11" s="3"/>
      <c r="P11" s="42" t="s">
        <v>233</v>
      </c>
      <c r="Q11" s="22" t="s">
        <v>87</v>
      </c>
      <c r="R11" s="3" t="s">
        <v>121</v>
      </c>
      <c r="S11" s="3"/>
      <c r="T11" s="56" t="s">
        <v>261</v>
      </c>
    </row>
    <row r="12" spans="1:20" x14ac:dyDescent="0.2">
      <c r="A12" s="22" t="s">
        <v>89</v>
      </c>
      <c r="B12" s="24" t="s">
        <v>19</v>
      </c>
      <c r="C12" s="3" t="s">
        <v>6</v>
      </c>
      <c r="D12" s="22" t="s">
        <v>151</v>
      </c>
      <c r="E12" s="22" t="s">
        <v>89</v>
      </c>
      <c r="F12" s="3" t="s">
        <v>23</v>
      </c>
      <c r="G12" s="3"/>
      <c r="H12" s="22" t="s">
        <v>179</v>
      </c>
      <c r="I12" s="22" t="s">
        <v>89</v>
      </c>
      <c r="J12" s="3" t="s">
        <v>19</v>
      </c>
      <c r="K12" s="3" t="s">
        <v>5</v>
      </c>
      <c r="L12" s="22" t="s">
        <v>207</v>
      </c>
      <c r="M12" s="22" t="s">
        <v>89</v>
      </c>
      <c r="N12" s="3" t="s">
        <v>23</v>
      </c>
      <c r="O12" s="34" t="s">
        <v>6</v>
      </c>
      <c r="P12" s="43" t="s">
        <v>234</v>
      </c>
      <c r="Q12" s="22" t="s">
        <v>89</v>
      </c>
      <c r="R12" s="3" t="s">
        <v>19</v>
      </c>
      <c r="S12" s="3"/>
      <c r="T12" s="57" t="s">
        <v>262</v>
      </c>
    </row>
    <row r="13" spans="1:20" x14ac:dyDescent="0.2">
      <c r="A13" s="22" t="s">
        <v>90</v>
      </c>
      <c r="B13" s="22" t="s">
        <v>21</v>
      </c>
      <c r="C13" s="3"/>
      <c r="D13" s="22" t="s">
        <v>152</v>
      </c>
      <c r="E13" s="22" t="s">
        <v>90</v>
      </c>
      <c r="F13" s="3" t="s">
        <v>21</v>
      </c>
      <c r="G13" s="3"/>
      <c r="H13" s="22" t="s">
        <v>180</v>
      </c>
      <c r="I13" s="22" t="s">
        <v>90</v>
      </c>
      <c r="J13" s="3" t="s">
        <v>21</v>
      </c>
      <c r="K13" s="3"/>
      <c r="L13" s="22" t="s">
        <v>208</v>
      </c>
      <c r="M13" s="22" t="s">
        <v>90</v>
      </c>
      <c r="N13" s="3" t="s">
        <v>21</v>
      </c>
      <c r="O13" s="32" t="s">
        <v>6</v>
      </c>
      <c r="P13" s="44" t="s">
        <v>235</v>
      </c>
      <c r="Q13" s="22" t="s">
        <v>90</v>
      </c>
      <c r="R13" s="3" t="s">
        <v>21</v>
      </c>
      <c r="S13" s="3" t="s">
        <v>23</v>
      </c>
      <c r="T13" s="58" t="s">
        <v>263</v>
      </c>
    </row>
    <row r="14" spans="1:20" x14ac:dyDescent="0.2">
      <c r="A14" s="22" t="s">
        <v>92</v>
      </c>
      <c r="B14" s="22" t="s">
        <v>23</v>
      </c>
      <c r="C14" s="32" t="s">
        <v>6</v>
      </c>
      <c r="D14" s="22" t="s">
        <v>153</v>
      </c>
      <c r="E14" s="22" t="s">
        <v>92</v>
      </c>
      <c r="F14" s="3" t="s">
        <v>19</v>
      </c>
      <c r="G14" s="32" t="s">
        <v>21</v>
      </c>
      <c r="H14" s="22" t="s">
        <v>181</v>
      </c>
      <c r="I14" s="22" t="s">
        <v>92</v>
      </c>
      <c r="J14" s="3" t="s">
        <v>23</v>
      </c>
      <c r="K14" s="33"/>
      <c r="L14" s="22" t="s">
        <v>209</v>
      </c>
      <c r="M14" s="22" t="s">
        <v>92</v>
      </c>
      <c r="N14" s="3" t="s">
        <v>19</v>
      </c>
      <c r="O14" s="3" t="s">
        <v>10</v>
      </c>
      <c r="P14" s="22" t="s">
        <v>236</v>
      </c>
      <c r="Q14" s="22" t="s">
        <v>92</v>
      </c>
      <c r="R14" s="3" t="s">
        <v>23</v>
      </c>
      <c r="S14" s="3"/>
      <c r="T14" s="60" t="s">
        <v>265</v>
      </c>
    </row>
    <row r="15" spans="1:20" x14ac:dyDescent="0.2">
      <c r="A15" s="22" t="s">
        <v>93</v>
      </c>
      <c r="B15" s="22" t="s">
        <v>29</v>
      </c>
      <c r="C15" s="3"/>
      <c r="D15" s="22" t="s">
        <v>154</v>
      </c>
      <c r="E15" s="22" t="s">
        <v>93</v>
      </c>
      <c r="F15" s="3" t="s">
        <v>76</v>
      </c>
      <c r="G15" s="3"/>
      <c r="H15" s="22" t="s">
        <v>182</v>
      </c>
      <c r="I15" s="22" t="s">
        <v>93</v>
      </c>
      <c r="J15" s="3" t="s">
        <v>29</v>
      </c>
      <c r="K15" s="3" t="s">
        <v>16</v>
      </c>
      <c r="L15" s="22" t="s">
        <v>210</v>
      </c>
      <c r="M15" s="22" t="s">
        <v>93</v>
      </c>
      <c r="N15" s="3" t="s">
        <v>76</v>
      </c>
      <c r="O15" s="3"/>
      <c r="P15" s="22" t="s">
        <v>237</v>
      </c>
      <c r="Q15" s="22" t="s">
        <v>93</v>
      </c>
      <c r="R15" s="3" t="s">
        <v>29</v>
      </c>
      <c r="S15" s="3"/>
      <c r="T15" s="59" t="s">
        <v>264</v>
      </c>
    </row>
    <row r="16" spans="1:20" x14ac:dyDescent="0.2">
      <c r="A16" s="22" t="s">
        <v>95</v>
      </c>
      <c r="B16" s="22" t="s">
        <v>17</v>
      </c>
      <c r="C16" s="3"/>
      <c r="D16" s="22" t="s">
        <v>155</v>
      </c>
      <c r="E16" s="22" t="s">
        <v>95</v>
      </c>
      <c r="F16" s="3" t="s">
        <v>27</v>
      </c>
      <c r="G16" s="3"/>
      <c r="H16" s="36" t="s">
        <v>183</v>
      </c>
      <c r="I16" s="22" t="s">
        <v>95</v>
      </c>
      <c r="J16" s="3" t="s">
        <v>17</v>
      </c>
      <c r="K16" s="3" t="s">
        <v>5</v>
      </c>
      <c r="L16" s="22" t="s">
        <v>211</v>
      </c>
      <c r="M16" s="22" t="s">
        <v>95</v>
      </c>
      <c r="N16" s="3" t="s">
        <v>27</v>
      </c>
      <c r="O16" s="3"/>
      <c r="P16" s="22" t="s">
        <v>238</v>
      </c>
      <c r="Q16" s="22" t="s">
        <v>95</v>
      </c>
      <c r="R16" s="3" t="s">
        <v>17</v>
      </c>
      <c r="S16" s="3"/>
      <c r="T16" s="61" t="s">
        <v>266</v>
      </c>
    </row>
    <row r="17" spans="1:20" x14ac:dyDescent="0.2">
      <c r="A17" s="22" t="s">
        <v>96</v>
      </c>
      <c r="B17" s="22" t="s">
        <v>5</v>
      </c>
      <c r="C17" s="3"/>
      <c r="D17" s="22" t="s">
        <v>156</v>
      </c>
      <c r="E17" s="22" t="s">
        <v>96</v>
      </c>
      <c r="F17" s="3" t="s">
        <v>6</v>
      </c>
      <c r="G17" s="3" t="s">
        <v>11</v>
      </c>
      <c r="H17" s="22" t="s">
        <v>184</v>
      </c>
      <c r="I17" s="22" t="s">
        <v>96</v>
      </c>
      <c r="J17" s="3" t="s">
        <v>5</v>
      </c>
      <c r="K17" s="3"/>
      <c r="L17" s="22" t="s">
        <v>212</v>
      </c>
      <c r="M17" s="22" t="s">
        <v>96</v>
      </c>
      <c r="N17" s="3" t="s">
        <v>6</v>
      </c>
      <c r="O17" s="3" t="s">
        <v>9</v>
      </c>
      <c r="P17" s="22" t="s">
        <v>241</v>
      </c>
      <c r="Q17" s="22" t="s">
        <v>96</v>
      </c>
      <c r="R17" s="3" t="s">
        <v>5</v>
      </c>
      <c r="S17" s="3" t="s">
        <v>9</v>
      </c>
      <c r="T17" s="63" t="s">
        <v>268</v>
      </c>
    </row>
    <row r="18" spans="1:20" x14ac:dyDescent="0.2">
      <c r="A18" s="22" t="s">
        <v>97</v>
      </c>
      <c r="B18" s="22" t="s">
        <v>6</v>
      </c>
      <c r="C18" s="32" t="s">
        <v>21</v>
      </c>
      <c r="D18" s="22" t="s">
        <v>157</v>
      </c>
      <c r="E18" s="22" t="s">
        <v>97</v>
      </c>
      <c r="F18" s="3" t="s">
        <v>5</v>
      </c>
      <c r="G18" s="3" t="s">
        <v>16</v>
      </c>
      <c r="H18" s="22" t="s">
        <v>185</v>
      </c>
      <c r="I18" s="22" t="s">
        <v>97</v>
      </c>
      <c r="J18" s="3" t="s">
        <v>6</v>
      </c>
      <c r="K18" s="3"/>
      <c r="L18" s="22" t="s">
        <v>213</v>
      </c>
      <c r="M18" s="22" t="s">
        <v>97</v>
      </c>
      <c r="N18" s="3" t="s">
        <v>5</v>
      </c>
      <c r="O18" s="3"/>
      <c r="P18" s="22" t="s">
        <v>240</v>
      </c>
      <c r="Q18" s="22" t="s">
        <v>97</v>
      </c>
      <c r="R18" s="3" t="s">
        <v>6</v>
      </c>
      <c r="S18" s="32" t="s">
        <v>7</v>
      </c>
      <c r="T18" s="62" t="s">
        <v>267</v>
      </c>
    </row>
    <row r="19" spans="1:20" x14ac:dyDescent="0.2">
      <c r="A19" s="22" t="s">
        <v>99</v>
      </c>
      <c r="B19" s="22" t="s">
        <v>27</v>
      </c>
      <c r="C19" s="3"/>
      <c r="D19" s="22" t="s">
        <v>158</v>
      </c>
      <c r="E19" s="22" t="s">
        <v>99</v>
      </c>
      <c r="F19" s="3" t="s">
        <v>17</v>
      </c>
      <c r="G19" s="3"/>
      <c r="H19" s="22" t="s">
        <v>186</v>
      </c>
      <c r="I19" s="22" t="s">
        <v>99</v>
      </c>
      <c r="J19" s="3" t="s">
        <v>27</v>
      </c>
      <c r="K19" s="3"/>
      <c r="L19" s="22" t="s">
        <v>214</v>
      </c>
      <c r="M19" s="22" t="s">
        <v>99</v>
      </c>
      <c r="N19" s="3" t="s">
        <v>17</v>
      </c>
      <c r="O19" s="3"/>
      <c r="P19" s="22" t="s">
        <v>239</v>
      </c>
      <c r="Q19" s="22" t="s">
        <v>99</v>
      </c>
      <c r="R19" s="3" t="s">
        <v>27</v>
      </c>
      <c r="S19" s="3"/>
      <c r="T19" s="64" t="s">
        <v>269</v>
      </c>
    </row>
    <row r="20" spans="1:20" x14ac:dyDescent="0.2">
      <c r="A20" s="22" t="s">
        <v>100</v>
      </c>
      <c r="B20" s="24" t="s">
        <v>76</v>
      </c>
      <c r="C20" s="3" t="s">
        <v>20</v>
      </c>
      <c r="D20" s="22" t="s">
        <v>159</v>
      </c>
      <c r="E20" s="22" t="s">
        <v>100</v>
      </c>
      <c r="F20" s="3" t="s">
        <v>29</v>
      </c>
      <c r="G20" s="3"/>
      <c r="H20" s="22" t="s">
        <v>187</v>
      </c>
      <c r="I20" s="22" t="s">
        <v>100</v>
      </c>
      <c r="J20" s="3" t="s">
        <v>76</v>
      </c>
      <c r="K20" s="3"/>
      <c r="L20" s="22" t="s">
        <v>215</v>
      </c>
      <c r="M20" s="22" t="s">
        <v>100</v>
      </c>
      <c r="N20" s="3" t="s">
        <v>29</v>
      </c>
      <c r="O20" s="3"/>
      <c r="P20" s="22" t="s">
        <v>242</v>
      </c>
      <c r="Q20" s="22" t="s">
        <v>100</v>
      </c>
      <c r="R20" s="3" t="s">
        <v>76</v>
      </c>
      <c r="S20" s="3"/>
      <c r="T20" s="65" t="s">
        <v>270</v>
      </c>
    </row>
    <row r="21" spans="1:20" x14ac:dyDescent="0.2">
      <c r="A21" s="22" t="s">
        <v>101</v>
      </c>
      <c r="B21" s="22" t="s">
        <v>20</v>
      </c>
      <c r="C21" s="3"/>
      <c r="D21" s="22" t="s">
        <v>160</v>
      </c>
      <c r="E21" s="22" t="s">
        <v>101</v>
      </c>
      <c r="F21" s="3" t="s">
        <v>20</v>
      </c>
      <c r="G21" s="3"/>
      <c r="H21" s="22" t="s">
        <v>188</v>
      </c>
      <c r="I21" s="22" t="s">
        <v>101</v>
      </c>
      <c r="J21" s="3" t="s">
        <v>20</v>
      </c>
      <c r="K21" s="3"/>
      <c r="L21" s="22" t="s">
        <v>216</v>
      </c>
      <c r="M21" s="22" t="s">
        <v>101</v>
      </c>
      <c r="N21" s="3" t="s">
        <v>20</v>
      </c>
      <c r="O21" s="3" t="s">
        <v>23</v>
      </c>
      <c r="P21" s="45" t="s">
        <v>243</v>
      </c>
      <c r="Q21" s="22" t="s">
        <v>101</v>
      </c>
      <c r="R21" s="3" t="s">
        <v>20</v>
      </c>
      <c r="S21" s="3"/>
      <c r="T21" s="68" t="s">
        <v>273</v>
      </c>
    </row>
    <row r="22" spans="1:20" x14ac:dyDescent="0.2">
      <c r="A22" s="22" t="s">
        <v>103</v>
      </c>
      <c r="B22" s="22" t="s">
        <v>9</v>
      </c>
      <c r="C22" s="3"/>
      <c r="D22" s="35" t="s">
        <v>161</v>
      </c>
      <c r="E22" s="22" t="s">
        <v>103</v>
      </c>
      <c r="F22" s="3" t="s">
        <v>133</v>
      </c>
      <c r="G22" s="3" t="s">
        <v>67</v>
      </c>
      <c r="H22" s="22" t="s">
        <v>189</v>
      </c>
      <c r="I22" s="22" t="s">
        <v>103</v>
      </c>
      <c r="J22" s="3" t="s">
        <v>9</v>
      </c>
      <c r="K22" s="33" t="s">
        <v>8</v>
      </c>
      <c r="L22" s="22" t="s">
        <v>217</v>
      </c>
      <c r="M22" s="22" t="s">
        <v>103</v>
      </c>
      <c r="N22" s="3" t="s">
        <v>133</v>
      </c>
      <c r="O22" s="3"/>
      <c r="P22" s="46" t="s">
        <v>244</v>
      </c>
      <c r="Q22" s="22" t="s">
        <v>103</v>
      </c>
      <c r="R22" s="3" t="s">
        <v>9</v>
      </c>
      <c r="S22" s="3"/>
      <c r="T22" s="66" t="s">
        <v>271</v>
      </c>
    </row>
    <row r="23" spans="1:20" x14ac:dyDescent="0.2">
      <c r="A23" s="22" t="s">
        <v>104</v>
      </c>
      <c r="B23" s="24" t="s">
        <v>133</v>
      </c>
      <c r="C23" s="3"/>
      <c r="D23" s="22" t="s">
        <v>162</v>
      </c>
      <c r="E23" s="22" t="s">
        <v>104</v>
      </c>
      <c r="F23" s="3" t="s">
        <v>9</v>
      </c>
      <c r="G23" s="3"/>
      <c r="H23" s="22" t="s">
        <v>190</v>
      </c>
      <c r="I23" s="22" t="s">
        <v>104</v>
      </c>
      <c r="J23" s="3" t="s">
        <v>133</v>
      </c>
      <c r="K23" s="3"/>
      <c r="L23" s="22" t="s">
        <v>218</v>
      </c>
      <c r="M23" s="22" t="s">
        <v>104</v>
      </c>
      <c r="N23" s="3" t="s">
        <v>9</v>
      </c>
      <c r="O23" s="3"/>
      <c r="P23" s="47" t="s">
        <v>245</v>
      </c>
      <c r="Q23" s="22" t="s">
        <v>104</v>
      </c>
      <c r="R23" s="3" t="s">
        <v>133</v>
      </c>
      <c r="S23" s="3" t="s">
        <v>9</v>
      </c>
      <c r="T23" s="67" t="s">
        <v>272</v>
      </c>
    </row>
    <row r="24" spans="1:20" x14ac:dyDescent="0.2">
      <c r="A24" s="22" t="s">
        <v>105</v>
      </c>
      <c r="B24" s="24" t="s">
        <v>148</v>
      </c>
      <c r="C24" s="3"/>
      <c r="D24" s="22" t="s">
        <v>163</v>
      </c>
      <c r="E24" s="22" t="s">
        <v>105</v>
      </c>
      <c r="F24" s="3" t="s">
        <v>16</v>
      </c>
      <c r="G24" s="3"/>
      <c r="H24" s="22" t="s">
        <v>191</v>
      </c>
      <c r="I24" s="22" t="s">
        <v>105</v>
      </c>
      <c r="J24" s="3" t="s">
        <v>148</v>
      </c>
      <c r="K24" s="3"/>
      <c r="L24" s="38" t="s">
        <v>219</v>
      </c>
      <c r="M24" s="22" t="s">
        <v>105</v>
      </c>
      <c r="N24" s="3" t="s">
        <v>16</v>
      </c>
      <c r="O24" s="3" t="s">
        <v>7</v>
      </c>
      <c r="P24" s="22" t="s">
        <v>246</v>
      </c>
      <c r="Q24" s="22" t="s">
        <v>105</v>
      </c>
      <c r="R24" s="3" t="s">
        <v>148</v>
      </c>
      <c r="S24" s="3"/>
      <c r="T24" s="69" t="s">
        <v>274</v>
      </c>
    </row>
    <row r="25" spans="1:20" x14ac:dyDescent="0.2">
      <c r="A25" s="22" t="s">
        <v>106</v>
      </c>
      <c r="B25" s="24" t="s">
        <v>16</v>
      </c>
      <c r="C25" s="3"/>
      <c r="D25" s="22" t="s">
        <v>164</v>
      </c>
      <c r="E25" s="22" t="s">
        <v>106</v>
      </c>
      <c r="F25" s="3" t="s">
        <v>148</v>
      </c>
      <c r="G25" s="3"/>
      <c r="H25" s="22" t="s">
        <v>192</v>
      </c>
      <c r="I25" s="22" t="s">
        <v>106</v>
      </c>
      <c r="J25" s="3" t="s">
        <v>16</v>
      </c>
      <c r="K25" s="3"/>
      <c r="L25" s="22" t="s">
        <v>220</v>
      </c>
      <c r="M25" s="22" t="s">
        <v>106</v>
      </c>
      <c r="N25" s="3" t="s">
        <v>148</v>
      </c>
      <c r="O25" s="3"/>
      <c r="P25" s="48" t="s">
        <v>247</v>
      </c>
      <c r="Q25" s="22" t="s">
        <v>106</v>
      </c>
      <c r="R25" s="3" t="s">
        <v>16</v>
      </c>
      <c r="S25" s="3"/>
      <c r="T25" s="70" t="s">
        <v>275</v>
      </c>
    </row>
    <row r="26" spans="1:20" x14ac:dyDescent="0.2">
      <c r="A26" s="22" t="s">
        <v>107</v>
      </c>
      <c r="B26" s="22" t="s">
        <v>67</v>
      </c>
      <c r="C26" s="3"/>
      <c r="D26" s="22" t="s">
        <v>165</v>
      </c>
      <c r="E26" s="22" t="s">
        <v>107</v>
      </c>
      <c r="F26" s="3" t="s">
        <v>67</v>
      </c>
      <c r="G26" s="3"/>
      <c r="H26" s="22" t="s">
        <v>193</v>
      </c>
      <c r="I26" s="22" t="s">
        <v>107</v>
      </c>
      <c r="J26" s="3" t="s">
        <v>67</v>
      </c>
      <c r="K26" s="3"/>
      <c r="L26" s="22" t="s">
        <v>221</v>
      </c>
      <c r="M26" s="22" t="s">
        <v>107</v>
      </c>
      <c r="N26" s="3" t="s">
        <v>67</v>
      </c>
      <c r="O26" s="3"/>
      <c r="P26" s="22" t="s">
        <v>248</v>
      </c>
      <c r="Q26" s="22" t="s">
        <v>107</v>
      </c>
      <c r="R26" s="3" t="s">
        <v>67</v>
      </c>
      <c r="S26" s="3"/>
      <c r="T26" s="71" t="s">
        <v>276</v>
      </c>
    </row>
    <row r="27" spans="1:20" x14ac:dyDescent="0.2">
      <c r="A27" s="22" t="s">
        <v>108</v>
      </c>
      <c r="B27" s="24" t="s">
        <v>11</v>
      </c>
      <c r="C27" s="32" t="s">
        <v>23</v>
      </c>
      <c r="D27" s="22" t="s">
        <v>166</v>
      </c>
      <c r="E27" s="22" t="s">
        <v>108</v>
      </c>
      <c r="F27" s="3" t="s">
        <v>11</v>
      </c>
      <c r="G27" s="3" t="s">
        <v>136</v>
      </c>
      <c r="H27" s="22" t="s">
        <v>194</v>
      </c>
      <c r="I27" s="22" t="s">
        <v>108</v>
      </c>
      <c r="J27" s="3" t="s">
        <v>11</v>
      </c>
      <c r="K27" s="3"/>
      <c r="L27" s="22" t="s">
        <v>222</v>
      </c>
      <c r="M27" s="22" t="s">
        <v>108</v>
      </c>
      <c r="N27" s="3" t="s">
        <v>11</v>
      </c>
      <c r="O27" s="32" t="s">
        <v>147</v>
      </c>
      <c r="P27" s="22" t="s">
        <v>249</v>
      </c>
      <c r="Q27" s="22" t="s">
        <v>108</v>
      </c>
      <c r="R27" s="3" t="s">
        <v>11</v>
      </c>
      <c r="S27" s="3"/>
      <c r="T27" s="72" t="s">
        <v>277</v>
      </c>
    </row>
    <row r="28" spans="1:20" x14ac:dyDescent="0.2">
      <c r="A28" s="22" t="s">
        <v>109</v>
      </c>
      <c r="B28" s="22" t="s">
        <v>136</v>
      </c>
      <c r="C28" s="3"/>
      <c r="D28" s="22" t="s">
        <v>167</v>
      </c>
      <c r="E28" s="22" t="s">
        <v>109</v>
      </c>
      <c r="F28" s="3" t="s">
        <v>136</v>
      </c>
      <c r="G28" s="3" t="s">
        <v>67</v>
      </c>
      <c r="H28" s="22" t="s">
        <v>195</v>
      </c>
      <c r="I28" s="22" t="s">
        <v>109</v>
      </c>
      <c r="J28" s="3" t="s">
        <v>136</v>
      </c>
      <c r="K28" s="3"/>
      <c r="L28" s="22" t="s">
        <v>223</v>
      </c>
      <c r="M28" s="22" t="s">
        <v>109</v>
      </c>
      <c r="N28" s="3" t="s">
        <v>136</v>
      </c>
      <c r="O28" s="3"/>
      <c r="P28" s="49" t="s">
        <v>250</v>
      </c>
      <c r="Q28" s="22" t="s">
        <v>109</v>
      </c>
      <c r="R28" s="3" t="s">
        <v>136</v>
      </c>
      <c r="S28" s="3"/>
      <c r="T28" s="73" t="s">
        <v>278</v>
      </c>
    </row>
    <row r="29" spans="1:20" x14ac:dyDescent="0.2">
      <c r="A29" s="22" t="s">
        <v>111</v>
      </c>
      <c r="B29" s="22" t="s">
        <v>22</v>
      </c>
      <c r="C29" s="3"/>
      <c r="D29" s="22" t="s">
        <v>168</v>
      </c>
      <c r="E29" s="22" t="s">
        <v>111</v>
      </c>
      <c r="F29" s="3" t="s">
        <v>22</v>
      </c>
      <c r="G29" s="3" t="s">
        <v>12</v>
      </c>
      <c r="H29" s="22" t="s">
        <v>196</v>
      </c>
      <c r="I29" s="22" t="s">
        <v>111</v>
      </c>
      <c r="J29" s="3" t="s">
        <v>22</v>
      </c>
      <c r="K29" s="3"/>
      <c r="L29" s="22" t="s">
        <v>224</v>
      </c>
      <c r="M29" s="22" t="s">
        <v>111</v>
      </c>
      <c r="N29" s="3" t="s">
        <v>22</v>
      </c>
      <c r="O29" s="3"/>
      <c r="P29" s="50" t="s">
        <v>251</v>
      </c>
      <c r="Q29" s="22" t="s">
        <v>111</v>
      </c>
      <c r="R29" s="3" t="s">
        <v>22</v>
      </c>
      <c r="S29" s="3"/>
      <c r="T29" s="74" t="s">
        <v>279</v>
      </c>
    </row>
    <row r="30" spans="1:20" x14ac:dyDescent="0.2">
      <c r="A30" s="22" t="s">
        <v>78</v>
      </c>
      <c r="B30" s="22" t="s">
        <v>7</v>
      </c>
      <c r="C30" s="3" t="s">
        <v>17</v>
      </c>
      <c r="D30" s="22" t="s">
        <v>169</v>
      </c>
      <c r="E30" s="22" t="s">
        <v>78</v>
      </c>
      <c r="F30" s="3" t="s">
        <v>26</v>
      </c>
      <c r="G30" s="3"/>
      <c r="H30" s="22" t="s">
        <v>197</v>
      </c>
      <c r="I30" s="22" t="s">
        <v>78</v>
      </c>
      <c r="J30" s="3" t="s">
        <v>7</v>
      </c>
      <c r="K30" s="3"/>
      <c r="L30" s="22" t="s">
        <v>225</v>
      </c>
      <c r="M30" s="22" t="s">
        <v>78</v>
      </c>
      <c r="N30" s="3" t="s">
        <v>26</v>
      </c>
      <c r="O30" s="3" t="s">
        <v>21</v>
      </c>
      <c r="P30" s="51" t="s">
        <v>252</v>
      </c>
      <c r="Q30" s="22" t="s">
        <v>78</v>
      </c>
      <c r="R30" s="3" t="s">
        <v>7</v>
      </c>
      <c r="S30" s="3"/>
      <c r="T30" s="75" t="s">
        <v>280</v>
      </c>
    </row>
    <row r="31" spans="1:20" x14ac:dyDescent="0.2">
      <c r="A31" s="22" t="s">
        <v>113</v>
      </c>
      <c r="B31" s="22" t="s">
        <v>26</v>
      </c>
      <c r="C31" s="3"/>
      <c r="D31" s="22" t="s">
        <v>170</v>
      </c>
      <c r="E31" s="22" t="s">
        <v>113</v>
      </c>
      <c r="F31" s="3" t="s">
        <v>7</v>
      </c>
      <c r="G31" s="3" t="s">
        <v>16</v>
      </c>
      <c r="H31" s="22" t="s">
        <v>198</v>
      </c>
      <c r="I31" s="22" t="s">
        <v>113</v>
      </c>
      <c r="J31" s="3" t="s">
        <v>26</v>
      </c>
      <c r="K31" s="3"/>
      <c r="L31" s="39" t="s">
        <v>226</v>
      </c>
      <c r="M31" s="22" t="s">
        <v>113</v>
      </c>
      <c r="N31" s="3" t="s">
        <v>7</v>
      </c>
      <c r="O31" s="32" t="s">
        <v>6</v>
      </c>
      <c r="P31" s="52" t="s">
        <v>253</v>
      </c>
      <c r="Q31" s="22" t="s">
        <v>113</v>
      </c>
      <c r="R31" s="3" t="s">
        <v>26</v>
      </c>
      <c r="S31" s="3"/>
      <c r="T31" s="76" t="s">
        <v>281</v>
      </c>
    </row>
    <row r="32" spans="1:20" x14ac:dyDescent="0.2">
      <c r="A32" s="22" t="s">
        <v>114</v>
      </c>
      <c r="B32" s="22" t="s">
        <v>25</v>
      </c>
      <c r="C32" s="3"/>
      <c r="D32" s="22" t="s">
        <v>171</v>
      </c>
      <c r="E32" s="22" t="s">
        <v>114</v>
      </c>
      <c r="F32" s="3" t="s">
        <v>25</v>
      </c>
      <c r="G32" s="3"/>
      <c r="H32" s="22" t="s">
        <v>200</v>
      </c>
      <c r="I32" s="22" t="s">
        <v>114</v>
      </c>
      <c r="J32" s="3" t="s">
        <v>25</v>
      </c>
      <c r="K32" s="3"/>
      <c r="L32" s="40" t="s">
        <v>227</v>
      </c>
      <c r="M32" s="22" t="s">
        <v>114</v>
      </c>
      <c r="N32" s="3" t="s">
        <v>25</v>
      </c>
      <c r="O32" s="3"/>
      <c r="P32" s="22" t="s">
        <v>254</v>
      </c>
      <c r="Q32" s="22" t="s">
        <v>114</v>
      </c>
      <c r="R32" s="3" t="s">
        <v>25</v>
      </c>
      <c r="S32" s="3"/>
      <c r="T32" s="77" t="s">
        <v>282</v>
      </c>
    </row>
    <row r="33" spans="1:20" x14ac:dyDescent="0.2">
      <c r="A33" s="22" t="s">
        <v>116</v>
      </c>
      <c r="B33" s="22" t="s">
        <v>120</v>
      </c>
      <c r="C33" s="3" t="s">
        <v>67</v>
      </c>
      <c r="D33" s="22" t="s">
        <v>172</v>
      </c>
      <c r="E33" s="22" t="s">
        <v>116</v>
      </c>
      <c r="F33" s="3" t="s">
        <v>120</v>
      </c>
      <c r="G33" s="3" t="s">
        <v>121</v>
      </c>
      <c r="H33" s="22" t="s">
        <v>199</v>
      </c>
      <c r="I33" s="22" t="s">
        <v>116</v>
      </c>
      <c r="J33" s="3" t="s">
        <v>120</v>
      </c>
      <c r="K33" s="32" t="s">
        <v>6</v>
      </c>
      <c r="L33" s="22" t="s">
        <v>228</v>
      </c>
      <c r="M33" s="22" t="s">
        <v>116</v>
      </c>
      <c r="N33" s="3" t="s">
        <v>120</v>
      </c>
      <c r="O33" s="3" t="s">
        <v>67</v>
      </c>
      <c r="P33" s="22" t="s">
        <v>255</v>
      </c>
      <c r="Q33" s="22" t="s">
        <v>116</v>
      </c>
      <c r="R33" s="3" t="s">
        <v>120</v>
      </c>
      <c r="S33" s="3" t="s">
        <v>23</v>
      </c>
      <c r="T33" s="78" t="s">
        <v>283</v>
      </c>
    </row>
    <row r="34" spans="1:20" x14ac:dyDescent="0.2">
      <c r="A34" s="22" t="s">
        <v>80</v>
      </c>
      <c r="B34" s="22" t="s">
        <v>12</v>
      </c>
      <c r="C34" s="3"/>
      <c r="D34" s="22" t="s">
        <v>173</v>
      </c>
      <c r="E34" s="22" t="s">
        <v>80</v>
      </c>
      <c r="F34" s="3" t="s">
        <v>12</v>
      </c>
      <c r="G34" s="32" t="s">
        <v>20</v>
      </c>
      <c r="H34" s="22" t="s">
        <v>201</v>
      </c>
      <c r="I34" s="22" t="s">
        <v>80</v>
      </c>
      <c r="J34" s="3" t="s">
        <v>12</v>
      </c>
      <c r="K34" s="32" t="s">
        <v>20</v>
      </c>
      <c r="L34" s="22" t="s">
        <v>229</v>
      </c>
      <c r="M34" s="22" t="s">
        <v>80</v>
      </c>
      <c r="N34" s="3" t="s">
        <v>12</v>
      </c>
      <c r="O34" s="3"/>
      <c r="P34" s="22" t="s">
        <v>256</v>
      </c>
      <c r="Q34" s="22" t="s">
        <v>80</v>
      </c>
      <c r="R34" s="3" t="s">
        <v>12</v>
      </c>
      <c r="S34" s="3"/>
      <c r="T34" s="79" t="s">
        <v>284</v>
      </c>
    </row>
    <row r="35" spans="1:20" x14ac:dyDescent="0.2">
      <c r="A35" s="22" t="s">
        <v>117</v>
      </c>
      <c r="B35" s="22" t="s">
        <v>8</v>
      </c>
      <c r="C35" s="32" t="s">
        <v>23</v>
      </c>
      <c r="D35" s="22" t="s">
        <v>174</v>
      </c>
      <c r="E35" s="22" t="s">
        <v>117</v>
      </c>
      <c r="F35" s="3" t="s">
        <v>8</v>
      </c>
      <c r="G35" s="37" t="s">
        <v>9</v>
      </c>
      <c r="H35" s="22" t="s">
        <v>203</v>
      </c>
      <c r="I35" s="22" t="s">
        <v>117</v>
      </c>
      <c r="J35" s="3" t="s">
        <v>8</v>
      </c>
      <c r="K35" s="33" t="s">
        <v>21</v>
      </c>
      <c r="L35" s="22" t="s">
        <v>230</v>
      </c>
      <c r="M35" s="22" t="s">
        <v>117</v>
      </c>
      <c r="N35" s="3" t="s">
        <v>8</v>
      </c>
      <c r="O35" s="3" t="s">
        <v>147</v>
      </c>
      <c r="P35" s="53" t="s">
        <v>257</v>
      </c>
      <c r="Q35" s="22" t="s">
        <v>117</v>
      </c>
      <c r="R35" s="3" t="s">
        <v>8</v>
      </c>
      <c r="S35" s="3" t="s">
        <v>7</v>
      </c>
      <c r="T35" s="80" t="s">
        <v>285</v>
      </c>
    </row>
    <row r="36" spans="1:20" x14ac:dyDescent="0.2">
      <c r="A36" s="22" t="s">
        <v>83</v>
      </c>
      <c r="B36" s="22" t="s">
        <v>13</v>
      </c>
      <c r="C36" s="3" t="s">
        <v>5</v>
      </c>
      <c r="D36" s="22" t="s">
        <v>175</v>
      </c>
      <c r="E36" s="22" t="s">
        <v>83</v>
      </c>
      <c r="F36" s="3" t="s">
        <v>13</v>
      </c>
      <c r="G36" s="3"/>
      <c r="H36" s="22" t="s">
        <v>202</v>
      </c>
      <c r="I36" s="22" t="s">
        <v>83</v>
      </c>
      <c r="J36" s="3" t="s">
        <v>13</v>
      </c>
      <c r="K36" s="3"/>
      <c r="L36" s="148" t="s">
        <v>519</v>
      </c>
      <c r="M36" s="22" t="s">
        <v>83</v>
      </c>
      <c r="N36" s="3" t="s">
        <v>13</v>
      </c>
      <c r="O36" s="32" t="s">
        <v>8</v>
      </c>
      <c r="P36" s="22" t="s">
        <v>258</v>
      </c>
      <c r="Q36" s="22" t="s">
        <v>83</v>
      </c>
      <c r="R36" s="3" t="s">
        <v>13</v>
      </c>
      <c r="S36" s="32" t="s">
        <v>120</v>
      </c>
      <c r="T36" s="81" t="s">
        <v>286</v>
      </c>
    </row>
    <row r="37" spans="1:20" x14ac:dyDescent="0.2">
      <c r="A37" s="22" t="s">
        <v>119</v>
      </c>
      <c r="B37" s="22" t="s">
        <v>28</v>
      </c>
      <c r="C37" s="3" t="s">
        <v>19</v>
      </c>
      <c r="D37" s="22" t="s">
        <v>176</v>
      </c>
      <c r="E37" s="22" t="s">
        <v>119</v>
      </c>
      <c r="F37" s="3" t="s">
        <v>28</v>
      </c>
      <c r="G37" s="3"/>
      <c r="H37" s="22" t="s">
        <v>205</v>
      </c>
      <c r="I37" s="22" t="s">
        <v>119</v>
      </c>
      <c r="J37" s="3" t="s">
        <v>28</v>
      </c>
      <c r="K37" s="3"/>
      <c r="L37" s="41" t="s">
        <v>231</v>
      </c>
      <c r="M37" s="22" t="s">
        <v>119</v>
      </c>
      <c r="N37" s="3" t="s">
        <v>28</v>
      </c>
      <c r="O37" s="33" t="s">
        <v>21</v>
      </c>
      <c r="P37" s="54" t="s">
        <v>259</v>
      </c>
      <c r="Q37" s="22" t="s">
        <v>119</v>
      </c>
      <c r="R37" s="3" t="s">
        <v>28</v>
      </c>
      <c r="S37" s="3" t="s">
        <v>22</v>
      </c>
      <c r="T37" s="82" t="s">
        <v>287</v>
      </c>
    </row>
    <row r="38" spans="1:20" x14ac:dyDescent="0.2">
      <c r="A38" s="4"/>
      <c r="H38" s="3"/>
      <c r="I38">
        <f>28+28+28</f>
        <v>84</v>
      </c>
    </row>
    <row r="39" spans="1:20" x14ac:dyDescent="0.2">
      <c r="A39" s="4"/>
    </row>
    <row r="40" spans="1:20" x14ac:dyDescent="0.2">
      <c r="B40" s="17" t="s">
        <v>18</v>
      </c>
      <c r="E40" s="15" t="s">
        <v>4</v>
      </c>
      <c r="F40" s="15"/>
      <c r="I40" s="101" t="s">
        <v>32</v>
      </c>
      <c r="J40" s="1"/>
      <c r="M40" s="3" t="s">
        <v>33</v>
      </c>
      <c r="Q40" s="3" t="s">
        <v>34</v>
      </c>
    </row>
    <row r="41" spans="1:20" x14ac:dyDescent="0.2">
      <c r="A41" s="16">
        <v>44429</v>
      </c>
      <c r="B41" t="s">
        <v>14</v>
      </c>
      <c r="C41" t="s">
        <v>15</v>
      </c>
      <c r="E41" s="16">
        <v>44429</v>
      </c>
      <c r="F41" t="s">
        <v>14</v>
      </c>
      <c r="G41" t="s">
        <v>15</v>
      </c>
      <c r="I41" s="16">
        <f>$A$9 +2</f>
        <v>44431</v>
      </c>
      <c r="J41" s="3" t="s">
        <v>14</v>
      </c>
      <c r="K41" s="3" t="s">
        <v>15</v>
      </c>
      <c r="M41" s="16">
        <f>$A$9 +3</f>
        <v>44432</v>
      </c>
      <c r="N41" s="3" t="s">
        <v>14</v>
      </c>
      <c r="O41" s="3" t="s">
        <v>15</v>
      </c>
      <c r="Q41" s="16">
        <f>$A$9 +4</f>
        <v>44433</v>
      </c>
      <c r="R41" s="3" t="s">
        <v>14</v>
      </c>
      <c r="S41" s="3" t="s">
        <v>15</v>
      </c>
    </row>
    <row r="42" spans="1:20" x14ac:dyDescent="0.2">
      <c r="A42" s="22" t="s">
        <v>86</v>
      </c>
      <c r="B42" s="3" t="s">
        <v>147</v>
      </c>
      <c r="C42" s="3"/>
      <c r="D42" s="83" t="s">
        <v>288</v>
      </c>
      <c r="E42" s="22" t="s">
        <v>86</v>
      </c>
      <c r="F42" s="3" t="s">
        <v>147</v>
      </c>
      <c r="G42" s="3"/>
      <c r="H42" s="112" t="s">
        <v>315</v>
      </c>
      <c r="I42" s="4" t="s">
        <v>35</v>
      </c>
      <c r="J42" s="3" t="s">
        <v>147</v>
      </c>
      <c r="K42" s="3"/>
      <c r="L42" s="142" t="s">
        <v>342</v>
      </c>
      <c r="M42" s="4" t="s">
        <v>35</v>
      </c>
      <c r="N42" s="3" t="s">
        <v>147</v>
      </c>
      <c r="O42" s="3"/>
      <c r="P42" t="s">
        <v>374</v>
      </c>
      <c r="Q42" s="4" t="s">
        <v>35</v>
      </c>
      <c r="R42" s="3" t="s">
        <v>147</v>
      </c>
      <c r="S42" s="3"/>
      <c r="T42" t="s">
        <v>400</v>
      </c>
    </row>
    <row r="43" spans="1:20" x14ac:dyDescent="0.2">
      <c r="A43" s="22" t="s">
        <v>87</v>
      </c>
      <c r="B43" s="3" t="s">
        <v>121</v>
      </c>
      <c r="C43" s="3"/>
      <c r="D43" s="84" t="s">
        <v>370</v>
      </c>
      <c r="E43" s="22" t="s">
        <v>87</v>
      </c>
      <c r="F43" s="3" t="s">
        <v>121</v>
      </c>
      <c r="G43" s="3"/>
      <c r="H43" s="111" t="s">
        <v>314</v>
      </c>
      <c r="I43" s="4" t="s">
        <v>36</v>
      </c>
      <c r="J43" s="3" t="s">
        <v>121</v>
      </c>
      <c r="K43" s="3"/>
      <c r="L43" t="s">
        <v>344</v>
      </c>
      <c r="M43" s="4" t="s">
        <v>36</v>
      </c>
      <c r="N43" s="3" t="s">
        <v>121</v>
      </c>
      <c r="O43" s="3"/>
      <c r="P43" t="s">
        <v>375</v>
      </c>
      <c r="Q43" s="4" t="s">
        <v>36</v>
      </c>
      <c r="R43" s="3" t="s">
        <v>121</v>
      </c>
      <c r="S43" s="3"/>
      <c r="T43" t="s">
        <v>401</v>
      </c>
    </row>
    <row r="44" spans="1:20" x14ac:dyDescent="0.2">
      <c r="A44" s="22" t="s">
        <v>89</v>
      </c>
      <c r="B44" s="3" t="s">
        <v>23</v>
      </c>
      <c r="C44" s="3"/>
      <c r="D44" s="85" t="s">
        <v>289</v>
      </c>
      <c r="E44" s="22" t="s">
        <v>89</v>
      </c>
      <c r="F44" s="3" t="s">
        <v>19</v>
      </c>
      <c r="G44" s="3"/>
      <c r="H44" s="116" t="s">
        <v>319</v>
      </c>
      <c r="I44" s="4" t="s">
        <v>37</v>
      </c>
      <c r="J44" s="3" t="s">
        <v>23</v>
      </c>
      <c r="K44" s="3"/>
      <c r="L44" t="s">
        <v>343</v>
      </c>
      <c r="M44" s="4" t="s">
        <v>37</v>
      </c>
      <c r="N44" s="3" t="s">
        <v>19</v>
      </c>
      <c r="O44" s="3"/>
      <c r="P44" t="s">
        <v>376</v>
      </c>
      <c r="Q44" s="4" t="s">
        <v>37</v>
      </c>
      <c r="R44" s="3" t="s">
        <v>23</v>
      </c>
      <c r="S44" s="3"/>
      <c r="T44" t="s">
        <v>402</v>
      </c>
    </row>
    <row r="45" spans="1:20" x14ac:dyDescent="0.2">
      <c r="A45" s="22" t="s">
        <v>90</v>
      </c>
      <c r="B45" s="3" t="s">
        <v>21</v>
      </c>
      <c r="C45" s="3"/>
      <c r="D45" s="86" t="s">
        <v>290</v>
      </c>
      <c r="E45" s="22" t="s">
        <v>90</v>
      </c>
      <c r="F45" s="3" t="s">
        <v>21</v>
      </c>
      <c r="G45" s="3"/>
      <c r="H45" s="115" t="s">
        <v>318</v>
      </c>
      <c r="I45" s="4" t="s">
        <v>38</v>
      </c>
      <c r="J45" s="3" t="s">
        <v>21</v>
      </c>
      <c r="K45" s="3"/>
      <c r="L45" t="s">
        <v>345</v>
      </c>
      <c r="M45" s="4" t="s">
        <v>38</v>
      </c>
      <c r="N45" s="3" t="s">
        <v>21</v>
      </c>
      <c r="O45" s="3"/>
      <c r="P45" t="s">
        <v>377</v>
      </c>
      <c r="Q45" s="4" t="s">
        <v>38</v>
      </c>
      <c r="R45" s="3" t="s">
        <v>21</v>
      </c>
      <c r="S45" s="3"/>
      <c r="T45" t="s">
        <v>403</v>
      </c>
    </row>
    <row r="46" spans="1:20" x14ac:dyDescent="0.2">
      <c r="A46" s="22" t="s">
        <v>92</v>
      </c>
      <c r="B46" s="3" t="s">
        <v>19</v>
      </c>
      <c r="C46" s="3" t="s">
        <v>5</v>
      </c>
      <c r="D46" s="87" t="s">
        <v>291</v>
      </c>
      <c r="E46" s="22" t="s">
        <v>92</v>
      </c>
      <c r="F46" s="3" t="s">
        <v>23</v>
      </c>
      <c r="G46" s="3"/>
      <c r="H46" s="114" t="s">
        <v>317</v>
      </c>
      <c r="I46" s="4" t="s">
        <v>39</v>
      </c>
      <c r="J46" s="3" t="s">
        <v>19</v>
      </c>
      <c r="K46" s="3"/>
      <c r="L46" t="s">
        <v>346</v>
      </c>
      <c r="M46" s="4" t="s">
        <v>39</v>
      </c>
      <c r="N46" s="3" t="s">
        <v>23</v>
      </c>
      <c r="O46" s="3"/>
      <c r="P46" t="s">
        <v>378</v>
      </c>
      <c r="Q46" s="4" t="s">
        <v>39</v>
      </c>
      <c r="R46" s="3" t="s">
        <v>19</v>
      </c>
      <c r="S46" s="3"/>
      <c r="T46" t="s">
        <v>404</v>
      </c>
    </row>
    <row r="47" spans="1:20" x14ac:dyDescent="0.2">
      <c r="A47" s="22" t="s">
        <v>93</v>
      </c>
      <c r="B47" s="3" t="s">
        <v>76</v>
      </c>
      <c r="C47" s="3"/>
      <c r="D47" s="88" t="s">
        <v>292</v>
      </c>
      <c r="E47" s="22" t="s">
        <v>93</v>
      </c>
      <c r="F47" s="3" t="s">
        <v>29</v>
      </c>
      <c r="G47" s="3"/>
      <c r="H47" s="113" t="s">
        <v>316</v>
      </c>
      <c r="I47" s="4" t="s">
        <v>40</v>
      </c>
      <c r="J47" s="3" t="s">
        <v>76</v>
      </c>
      <c r="K47" s="3"/>
      <c r="L47" t="s">
        <v>347</v>
      </c>
      <c r="M47" s="4" t="s">
        <v>40</v>
      </c>
      <c r="N47" s="3" t="s">
        <v>29</v>
      </c>
      <c r="O47" s="3"/>
      <c r="P47" t="s">
        <v>379</v>
      </c>
      <c r="Q47" s="4" t="s">
        <v>40</v>
      </c>
      <c r="R47" s="3" t="s">
        <v>76</v>
      </c>
      <c r="S47" s="3"/>
      <c r="T47" t="s">
        <v>405</v>
      </c>
    </row>
    <row r="48" spans="1:20" x14ac:dyDescent="0.2">
      <c r="A48" s="22" t="s">
        <v>95</v>
      </c>
      <c r="B48" s="3" t="s">
        <v>27</v>
      </c>
      <c r="C48" s="3"/>
      <c r="D48" s="89" t="s">
        <v>293</v>
      </c>
      <c r="E48" s="22" t="s">
        <v>95</v>
      </c>
      <c r="F48" s="3" t="s">
        <v>17</v>
      </c>
      <c r="G48" s="3"/>
      <c r="H48" s="117" t="s">
        <v>320</v>
      </c>
      <c r="I48" s="4" t="s">
        <v>41</v>
      </c>
      <c r="J48" s="3" t="s">
        <v>27</v>
      </c>
      <c r="K48" s="3"/>
      <c r="L48" t="s">
        <v>348</v>
      </c>
      <c r="M48" s="4" t="s">
        <v>41</v>
      </c>
      <c r="N48" s="3" t="s">
        <v>17</v>
      </c>
      <c r="O48" s="3"/>
      <c r="P48" t="s">
        <v>380</v>
      </c>
      <c r="Q48" s="4" t="s">
        <v>41</v>
      </c>
      <c r="R48" s="3" t="s">
        <v>27</v>
      </c>
      <c r="S48" s="3" t="s">
        <v>13</v>
      </c>
      <c r="T48" t="s">
        <v>406</v>
      </c>
    </row>
    <row r="49" spans="1:20" x14ac:dyDescent="0.2">
      <c r="A49" s="22" t="s">
        <v>96</v>
      </c>
      <c r="B49" s="3" t="s">
        <v>6</v>
      </c>
      <c r="C49" s="3"/>
      <c r="D49" s="90" t="s">
        <v>294</v>
      </c>
      <c r="E49" s="22" t="s">
        <v>96</v>
      </c>
      <c r="F49" s="3" t="s">
        <v>5</v>
      </c>
      <c r="G49" s="3" t="s">
        <v>10</v>
      </c>
      <c r="H49" s="118" t="s">
        <v>321</v>
      </c>
      <c r="I49" s="4" t="s">
        <v>42</v>
      </c>
      <c r="J49" s="3" t="s">
        <v>6</v>
      </c>
      <c r="K49" s="33" t="s">
        <v>7</v>
      </c>
      <c r="L49" t="s">
        <v>349</v>
      </c>
      <c r="M49" s="4" t="s">
        <v>42</v>
      </c>
      <c r="N49" s="3" t="s">
        <v>5</v>
      </c>
      <c r="O49" s="3"/>
      <c r="P49" t="s">
        <v>381</v>
      </c>
      <c r="Q49" s="4" t="s">
        <v>42</v>
      </c>
      <c r="R49" s="3" t="s">
        <v>6</v>
      </c>
      <c r="S49" s="3"/>
      <c r="T49" t="s">
        <v>424</v>
      </c>
    </row>
    <row r="50" spans="1:20" x14ac:dyDescent="0.2">
      <c r="A50" s="22" t="s">
        <v>97</v>
      </c>
      <c r="B50" s="3" t="s">
        <v>5</v>
      </c>
      <c r="C50" s="32"/>
      <c r="D50" s="91" t="s">
        <v>295</v>
      </c>
      <c r="E50" s="22" t="s">
        <v>97</v>
      </c>
      <c r="F50" s="3" t="s">
        <v>6</v>
      </c>
      <c r="G50" s="3"/>
      <c r="H50" s="119" t="s">
        <v>322</v>
      </c>
      <c r="I50" s="4" t="s">
        <v>43</v>
      </c>
      <c r="J50" s="140" t="s">
        <v>5</v>
      </c>
      <c r="K50" s="140" t="s">
        <v>16</v>
      </c>
      <c r="L50" t="s">
        <v>350</v>
      </c>
      <c r="M50" s="4" t="s">
        <v>43</v>
      </c>
      <c r="N50" s="3" t="s">
        <v>6</v>
      </c>
      <c r="O50" s="3"/>
      <c r="P50" t="s">
        <v>383</v>
      </c>
      <c r="Q50" s="4" t="s">
        <v>43</v>
      </c>
      <c r="R50" s="3" t="s">
        <v>5</v>
      </c>
      <c r="S50" s="3" t="s">
        <v>13</v>
      </c>
      <c r="T50" t="s">
        <v>407</v>
      </c>
    </row>
    <row r="51" spans="1:20" x14ac:dyDescent="0.2">
      <c r="A51" s="22" t="s">
        <v>99</v>
      </c>
      <c r="B51" s="3" t="s">
        <v>17</v>
      </c>
      <c r="C51" s="3"/>
      <c r="D51" s="92" t="s">
        <v>296</v>
      </c>
      <c r="E51" s="22" t="s">
        <v>99</v>
      </c>
      <c r="F51" s="3" t="s">
        <v>27</v>
      </c>
      <c r="G51" s="3"/>
      <c r="H51" s="120" t="s">
        <v>323</v>
      </c>
      <c r="I51" s="4" t="s">
        <v>44</v>
      </c>
      <c r="J51" s="3" t="s">
        <v>17</v>
      </c>
      <c r="K51" s="3"/>
      <c r="L51" t="s">
        <v>369</v>
      </c>
      <c r="M51" s="4" t="s">
        <v>44</v>
      </c>
      <c r="N51" s="3" t="s">
        <v>27</v>
      </c>
      <c r="O51" s="3"/>
      <c r="P51" t="s">
        <v>382</v>
      </c>
      <c r="Q51" s="4" t="s">
        <v>44</v>
      </c>
      <c r="R51" s="3" t="s">
        <v>17</v>
      </c>
      <c r="S51" s="3"/>
      <c r="T51" t="s">
        <v>410</v>
      </c>
    </row>
    <row r="52" spans="1:20" x14ac:dyDescent="0.2">
      <c r="A52" s="22" t="s">
        <v>100</v>
      </c>
      <c r="B52" s="3" t="s">
        <v>29</v>
      </c>
      <c r="C52" s="3"/>
      <c r="D52" s="93" t="s">
        <v>297</v>
      </c>
      <c r="E52" s="22" t="s">
        <v>100</v>
      </c>
      <c r="F52" s="3" t="s">
        <v>76</v>
      </c>
      <c r="G52" s="3"/>
      <c r="H52" s="121" t="s">
        <v>324</v>
      </c>
      <c r="I52" s="4" t="s">
        <v>45</v>
      </c>
      <c r="J52" s="3" t="s">
        <v>29</v>
      </c>
      <c r="K52" s="3"/>
      <c r="L52" t="s">
        <v>351</v>
      </c>
      <c r="M52" s="4" t="s">
        <v>45</v>
      </c>
      <c r="N52" s="3" t="s">
        <v>76</v>
      </c>
      <c r="O52" s="3"/>
      <c r="P52" t="s">
        <v>384</v>
      </c>
      <c r="Q52" s="4" t="s">
        <v>45</v>
      </c>
      <c r="R52" s="3" t="s">
        <v>29</v>
      </c>
      <c r="S52" s="3"/>
      <c r="T52" t="s">
        <v>408</v>
      </c>
    </row>
    <row r="53" spans="1:20" x14ac:dyDescent="0.2">
      <c r="A53" s="22" t="s">
        <v>101</v>
      </c>
      <c r="B53" s="3" t="s">
        <v>20</v>
      </c>
      <c r="C53" s="3"/>
      <c r="D53" s="94" t="s">
        <v>298</v>
      </c>
      <c r="E53" s="22" t="s">
        <v>101</v>
      </c>
      <c r="F53" s="3" t="s">
        <v>20</v>
      </c>
      <c r="G53" s="3"/>
      <c r="H53" s="122" t="s">
        <v>371</v>
      </c>
      <c r="I53" s="4" t="s">
        <v>46</v>
      </c>
      <c r="J53" s="140" t="s">
        <v>20</v>
      </c>
      <c r="K53" s="140" t="s">
        <v>9</v>
      </c>
      <c r="L53" t="s">
        <v>352</v>
      </c>
      <c r="M53" s="4" t="s">
        <v>46</v>
      </c>
      <c r="N53" s="3" t="s">
        <v>20</v>
      </c>
      <c r="O53" s="3"/>
      <c r="P53" t="s">
        <v>373</v>
      </c>
      <c r="Q53" s="4" t="s">
        <v>46</v>
      </c>
      <c r="R53" s="3" t="s">
        <v>20</v>
      </c>
      <c r="S53" s="101" t="s">
        <v>67</v>
      </c>
      <c r="T53" t="s">
        <v>409</v>
      </c>
    </row>
    <row r="54" spans="1:20" x14ac:dyDescent="0.2">
      <c r="A54" s="22" t="s">
        <v>103</v>
      </c>
      <c r="B54" s="3" t="s">
        <v>133</v>
      </c>
      <c r="C54" s="3"/>
      <c r="D54" s="96" t="s">
        <v>300</v>
      </c>
      <c r="E54" s="22" t="s">
        <v>103</v>
      </c>
      <c r="F54" s="3" t="s">
        <v>9</v>
      </c>
      <c r="G54" s="33"/>
      <c r="H54" s="123" t="s">
        <v>326</v>
      </c>
      <c r="I54" s="4" t="s">
        <v>47</v>
      </c>
      <c r="J54" s="3" t="s">
        <v>133</v>
      </c>
      <c r="K54" s="33"/>
      <c r="L54" t="s">
        <v>353</v>
      </c>
      <c r="M54" s="4" t="s">
        <v>47</v>
      </c>
      <c r="N54" s="3" t="s">
        <v>9</v>
      </c>
      <c r="O54" s="101" t="s">
        <v>7</v>
      </c>
      <c r="P54" t="s">
        <v>372</v>
      </c>
      <c r="Q54" s="4" t="s">
        <v>47</v>
      </c>
      <c r="R54" s="3" t="s">
        <v>133</v>
      </c>
      <c r="S54" s="3"/>
      <c r="T54" t="s">
        <v>411</v>
      </c>
    </row>
    <row r="55" spans="1:20" x14ac:dyDescent="0.2">
      <c r="A55" s="22" t="s">
        <v>104</v>
      </c>
      <c r="B55" s="3" t="s">
        <v>9</v>
      </c>
      <c r="C55" s="32" t="s">
        <v>19</v>
      </c>
      <c r="D55" s="97" t="s">
        <v>301</v>
      </c>
      <c r="E55" s="22" t="s">
        <v>104</v>
      </c>
      <c r="F55" s="3" t="s">
        <v>133</v>
      </c>
      <c r="G55" s="3"/>
      <c r="H55" s="124" t="s">
        <v>327</v>
      </c>
      <c r="I55" s="4" t="s">
        <v>48</v>
      </c>
      <c r="J55" s="3" t="s">
        <v>9</v>
      </c>
      <c r="K55" s="3"/>
      <c r="L55" t="s">
        <v>354</v>
      </c>
      <c r="M55" s="4" t="s">
        <v>48</v>
      </c>
      <c r="N55" s="3" t="s">
        <v>133</v>
      </c>
      <c r="O55" s="3"/>
      <c r="P55" t="s">
        <v>385</v>
      </c>
      <c r="Q55" s="4" t="s">
        <v>48</v>
      </c>
      <c r="R55" s="3" t="s">
        <v>9</v>
      </c>
      <c r="S55" s="3" t="s">
        <v>67</v>
      </c>
      <c r="T55" t="s">
        <v>412</v>
      </c>
    </row>
    <row r="56" spans="1:20" x14ac:dyDescent="0.2">
      <c r="A56" s="22" t="s">
        <v>105</v>
      </c>
      <c r="B56" s="3" t="s">
        <v>16</v>
      </c>
      <c r="C56" s="3" t="s">
        <v>7</v>
      </c>
      <c r="D56" s="95" t="s">
        <v>299</v>
      </c>
      <c r="E56" s="22" t="s">
        <v>105</v>
      </c>
      <c r="F56" s="3" t="s">
        <v>148</v>
      </c>
      <c r="G56" s="3"/>
      <c r="H56" s="125" t="s">
        <v>325</v>
      </c>
      <c r="I56" s="4" t="s">
        <v>49</v>
      </c>
      <c r="J56" s="3" t="s">
        <v>16</v>
      </c>
      <c r="K56" s="3"/>
      <c r="L56" t="s">
        <v>355</v>
      </c>
      <c r="M56" s="4" t="s">
        <v>49</v>
      </c>
      <c r="N56" s="3" t="s">
        <v>148</v>
      </c>
      <c r="O56" s="3"/>
      <c r="P56" t="s">
        <v>386</v>
      </c>
      <c r="Q56" s="4" t="s">
        <v>49</v>
      </c>
      <c r="R56" s="3" t="s">
        <v>16</v>
      </c>
      <c r="S56" s="3"/>
      <c r="T56" t="s">
        <v>425</v>
      </c>
    </row>
    <row r="57" spans="1:20" x14ac:dyDescent="0.2">
      <c r="A57" s="22" t="s">
        <v>106</v>
      </c>
      <c r="B57" s="3" t="s">
        <v>148</v>
      </c>
      <c r="C57" s="3"/>
      <c r="D57" s="98" t="s">
        <v>302</v>
      </c>
      <c r="E57" s="22" t="s">
        <v>106</v>
      </c>
      <c r="F57" s="3" t="s">
        <v>16</v>
      </c>
      <c r="G57" s="3"/>
      <c r="H57" s="126" t="s">
        <v>328</v>
      </c>
      <c r="I57" s="4" t="s">
        <v>50</v>
      </c>
      <c r="J57" s="3" t="s">
        <v>148</v>
      </c>
      <c r="K57" s="3"/>
      <c r="L57" t="s">
        <v>356</v>
      </c>
      <c r="M57" s="4" t="s">
        <v>50</v>
      </c>
      <c r="N57" s="3" t="s">
        <v>16</v>
      </c>
      <c r="O57" s="3"/>
      <c r="P57" t="s">
        <v>388</v>
      </c>
      <c r="Q57" s="4" t="s">
        <v>50</v>
      </c>
      <c r="R57" s="3" t="s">
        <v>148</v>
      </c>
      <c r="S57" s="3"/>
      <c r="T57" t="s">
        <v>413</v>
      </c>
    </row>
    <row r="58" spans="1:20" x14ac:dyDescent="0.2">
      <c r="A58" s="22" t="s">
        <v>107</v>
      </c>
      <c r="B58" s="3" t="s">
        <v>67</v>
      </c>
      <c r="C58" s="3"/>
      <c r="D58" s="99" t="s">
        <v>303</v>
      </c>
      <c r="E58" s="22" t="s">
        <v>107</v>
      </c>
      <c r="F58" s="3" t="s">
        <v>67</v>
      </c>
      <c r="G58" s="3"/>
      <c r="H58" s="127" t="s">
        <v>329</v>
      </c>
      <c r="I58" s="4" t="s">
        <v>51</v>
      </c>
      <c r="J58" s="3" t="s">
        <v>67</v>
      </c>
      <c r="K58" s="33" t="s">
        <v>9</v>
      </c>
      <c r="L58" t="s">
        <v>357</v>
      </c>
      <c r="M58" s="4" t="s">
        <v>51</v>
      </c>
      <c r="N58" s="3" t="s">
        <v>67</v>
      </c>
      <c r="O58" s="3"/>
      <c r="P58" t="s">
        <v>389</v>
      </c>
      <c r="Q58" s="4" t="s">
        <v>51</v>
      </c>
      <c r="R58" s="3" t="s">
        <v>67</v>
      </c>
      <c r="S58" s="3"/>
      <c r="T58" t="s">
        <v>414</v>
      </c>
    </row>
    <row r="59" spans="1:20" x14ac:dyDescent="0.2">
      <c r="A59" s="22" t="s">
        <v>108</v>
      </c>
      <c r="B59" s="3" t="s">
        <v>11</v>
      </c>
      <c r="C59" s="3"/>
      <c r="D59" s="100" t="s">
        <v>304</v>
      </c>
      <c r="E59" s="22" t="s">
        <v>108</v>
      </c>
      <c r="F59" s="3" t="s">
        <v>11</v>
      </c>
      <c r="G59" s="3"/>
      <c r="H59" s="129" t="s">
        <v>331</v>
      </c>
      <c r="I59" s="4" t="s">
        <v>52</v>
      </c>
      <c r="J59" s="3" t="s">
        <v>11</v>
      </c>
      <c r="K59" s="3"/>
      <c r="L59" t="s">
        <v>358</v>
      </c>
      <c r="M59" s="4" t="s">
        <v>52</v>
      </c>
      <c r="N59" s="3" t="s">
        <v>11</v>
      </c>
      <c r="O59" s="3"/>
      <c r="P59" t="s">
        <v>387</v>
      </c>
      <c r="Q59" s="4" t="s">
        <v>52</v>
      </c>
      <c r="R59" s="3" t="s">
        <v>11</v>
      </c>
      <c r="S59" s="3"/>
      <c r="T59" t="s">
        <v>415</v>
      </c>
    </row>
    <row r="60" spans="1:20" x14ac:dyDescent="0.2">
      <c r="A60" s="22" t="s">
        <v>109</v>
      </c>
      <c r="B60" s="3" t="s">
        <v>136</v>
      </c>
      <c r="C60" s="3"/>
      <c r="D60" s="102" t="s">
        <v>305</v>
      </c>
      <c r="E60" s="22" t="s">
        <v>109</v>
      </c>
      <c r="F60" s="3" t="s">
        <v>136</v>
      </c>
      <c r="G60" s="3"/>
      <c r="H60" s="128" t="s">
        <v>330</v>
      </c>
      <c r="I60" s="6" t="s">
        <v>53</v>
      </c>
      <c r="J60" s="3" t="s">
        <v>136</v>
      </c>
      <c r="K60" s="3"/>
      <c r="L60" t="s">
        <v>359</v>
      </c>
      <c r="M60" s="6" t="s">
        <v>53</v>
      </c>
      <c r="N60" s="3" t="s">
        <v>136</v>
      </c>
      <c r="O60" s="3"/>
      <c r="P60" t="s">
        <v>390</v>
      </c>
      <c r="Q60" s="6" t="s">
        <v>53</v>
      </c>
      <c r="R60" s="3" t="s">
        <v>136</v>
      </c>
      <c r="S60" s="3"/>
      <c r="T60" t="s">
        <v>416</v>
      </c>
    </row>
    <row r="61" spans="1:20" x14ac:dyDescent="0.2">
      <c r="A61" s="22" t="s">
        <v>111</v>
      </c>
      <c r="B61" s="3" t="s">
        <v>22</v>
      </c>
      <c r="C61" s="3"/>
      <c r="D61" s="103" t="s">
        <v>306</v>
      </c>
      <c r="E61" s="22" t="s">
        <v>111</v>
      </c>
      <c r="F61" s="3" t="s">
        <v>22</v>
      </c>
      <c r="G61" s="3"/>
      <c r="H61" s="130" t="s">
        <v>332</v>
      </c>
      <c r="I61" s="4" t="s">
        <v>54</v>
      </c>
      <c r="J61" s="3" t="s">
        <v>22</v>
      </c>
      <c r="K61" s="3"/>
      <c r="L61" t="s">
        <v>360</v>
      </c>
      <c r="M61" s="4" t="s">
        <v>54</v>
      </c>
      <c r="N61" s="3" t="s">
        <v>22</v>
      </c>
      <c r="O61" s="3"/>
      <c r="P61" t="s">
        <v>391</v>
      </c>
      <c r="Q61" s="4" t="s">
        <v>54</v>
      </c>
      <c r="R61" s="3" t="s">
        <v>22</v>
      </c>
      <c r="S61" s="3"/>
      <c r="T61" t="s">
        <v>417</v>
      </c>
    </row>
    <row r="62" spans="1:20" x14ac:dyDescent="0.2">
      <c r="A62" s="22" t="s">
        <v>78</v>
      </c>
      <c r="B62" s="3" t="s">
        <v>26</v>
      </c>
      <c r="C62" s="3"/>
      <c r="D62" s="105" t="s">
        <v>308</v>
      </c>
      <c r="E62" s="22" t="s">
        <v>78</v>
      </c>
      <c r="F62" s="3" t="s">
        <v>7</v>
      </c>
      <c r="G62" s="3"/>
      <c r="H62" s="131" t="s">
        <v>333</v>
      </c>
      <c r="I62" s="4" t="s">
        <v>55</v>
      </c>
      <c r="J62" s="3" t="s">
        <v>26</v>
      </c>
      <c r="K62" s="3"/>
      <c r="L62" t="s">
        <v>361</v>
      </c>
      <c r="M62" s="4" t="s">
        <v>55</v>
      </c>
      <c r="N62" s="3" t="s">
        <v>7</v>
      </c>
      <c r="O62" s="3" t="s">
        <v>136</v>
      </c>
      <c r="P62" t="s">
        <v>398</v>
      </c>
      <c r="Q62" s="4" t="s">
        <v>55</v>
      </c>
      <c r="R62" s="3" t="s">
        <v>26</v>
      </c>
      <c r="S62" s="3"/>
      <c r="T62" t="s">
        <v>421</v>
      </c>
    </row>
    <row r="63" spans="1:20" x14ac:dyDescent="0.2">
      <c r="A63" s="22" t="s">
        <v>113</v>
      </c>
      <c r="B63" s="3" t="s">
        <v>7</v>
      </c>
      <c r="C63" s="3" t="s">
        <v>23</v>
      </c>
      <c r="D63" s="104" t="s">
        <v>307</v>
      </c>
      <c r="E63" s="22" t="s">
        <v>113</v>
      </c>
      <c r="F63" s="3" t="s">
        <v>26</v>
      </c>
      <c r="G63" s="3"/>
      <c r="H63" s="132" t="s">
        <v>334</v>
      </c>
      <c r="I63" s="4" t="s">
        <v>56</v>
      </c>
      <c r="J63" s="140" t="s">
        <v>7</v>
      </c>
      <c r="K63" s="140" t="s">
        <v>120</v>
      </c>
      <c r="L63" t="s">
        <v>362</v>
      </c>
      <c r="M63" s="4" t="s">
        <v>56</v>
      </c>
      <c r="N63" s="3" t="s">
        <v>26</v>
      </c>
      <c r="O63" s="3"/>
      <c r="P63" t="s">
        <v>392</v>
      </c>
      <c r="Q63" s="4" t="s">
        <v>56</v>
      </c>
      <c r="R63" s="3" t="s">
        <v>7</v>
      </c>
      <c r="S63" s="101" t="s">
        <v>13</v>
      </c>
      <c r="T63" t="s">
        <v>418</v>
      </c>
    </row>
    <row r="64" spans="1:20" x14ac:dyDescent="0.2">
      <c r="A64" s="22" t="s">
        <v>114</v>
      </c>
      <c r="B64" s="3" t="s">
        <v>25</v>
      </c>
      <c r="C64" s="3"/>
      <c r="D64" s="106" t="s">
        <v>309</v>
      </c>
      <c r="E64" s="22" t="s">
        <v>114</v>
      </c>
      <c r="F64" s="3" t="s">
        <v>25</v>
      </c>
      <c r="G64" s="3"/>
      <c r="H64" s="133" t="s">
        <v>335</v>
      </c>
      <c r="I64" s="4" t="s">
        <v>57</v>
      </c>
      <c r="J64" s="3" t="s">
        <v>25</v>
      </c>
      <c r="K64" s="3"/>
      <c r="L64" t="s">
        <v>368</v>
      </c>
      <c r="M64" s="4" t="s">
        <v>57</v>
      </c>
      <c r="N64" s="3" t="s">
        <v>25</v>
      </c>
      <c r="O64" s="3"/>
      <c r="P64" t="s">
        <v>393</v>
      </c>
      <c r="Q64" s="4" t="s">
        <v>57</v>
      </c>
      <c r="R64" s="3" t="s">
        <v>25</v>
      </c>
      <c r="S64" s="3"/>
      <c r="T64" t="s">
        <v>419</v>
      </c>
    </row>
    <row r="65" spans="1:20" x14ac:dyDescent="0.2">
      <c r="A65" s="22" t="s">
        <v>116</v>
      </c>
      <c r="B65" s="3" t="s">
        <v>120</v>
      </c>
      <c r="C65" s="3" t="s">
        <v>7</v>
      </c>
      <c r="D65" s="107" t="s">
        <v>310</v>
      </c>
      <c r="E65" s="22" t="s">
        <v>116</v>
      </c>
      <c r="F65" s="3" t="s">
        <v>120</v>
      </c>
      <c r="G65" s="3"/>
      <c r="H65" s="134" t="s">
        <v>336</v>
      </c>
      <c r="I65" s="4" t="s">
        <v>58</v>
      </c>
      <c r="J65" s="3" t="s">
        <v>120</v>
      </c>
      <c r="K65" s="3"/>
      <c r="L65" t="s">
        <v>363</v>
      </c>
      <c r="M65" s="4" t="s">
        <v>58</v>
      </c>
      <c r="N65" s="3" t="s">
        <v>120</v>
      </c>
      <c r="O65" s="3"/>
      <c r="P65" t="s">
        <v>394</v>
      </c>
      <c r="Q65" s="4" t="s">
        <v>58</v>
      </c>
      <c r="R65" s="3" t="s">
        <v>120</v>
      </c>
      <c r="S65" s="3"/>
      <c r="T65" t="s">
        <v>420</v>
      </c>
    </row>
    <row r="66" spans="1:20" x14ac:dyDescent="0.2">
      <c r="A66" s="22" t="s">
        <v>80</v>
      </c>
      <c r="B66" s="3" t="s">
        <v>12</v>
      </c>
      <c r="C66" s="3" t="s">
        <v>8</v>
      </c>
      <c r="D66" s="139" t="s">
        <v>341</v>
      </c>
      <c r="E66" s="22" t="s">
        <v>80</v>
      </c>
      <c r="F66" s="3" t="s">
        <v>12</v>
      </c>
      <c r="G66" s="3"/>
      <c r="H66" s="135" t="s">
        <v>337</v>
      </c>
      <c r="I66" s="4" t="s">
        <v>59</v>
      </c>
      <c r="J66" s="140" t="s">
        <v>12</v>
      </c>
      <c r="K66" s="140" t="s">
        <v>27</v>
      </c>
      <c r="L66" t="s">
        <v>364</v>
      </c>
      <c r="M66" s="4" t="s">
        <v>59</v>
      </c>
      <c r="N66" s="3" t="s">
        <v>12</v>
      </c>
      <c r="O66" s="3"/>
      <c r="P66" t="s">
        <v>395</v>
      </c>
      <c r="Q66" s="4" t="s">
        <v>59</v>
      </c>
      <c r="R66" s="3" t="s">
        <v>12</v>
      </c>
      <c r="S66" s="3"/>
      <c r="T66" t="s">
        <v>423</v>
      </c>
    </row>
    <row r="67" spans="1:20" x14ac:dyDescent="0.2">
      <c r="A67" s="22" t="s">
        <v>117</v>
      </c>
      <c r="B67" s="3" t="s">
        <v>8</v>
      </c>
      <c r="C67" s="3" t="s">
        <v>27</v>
      </c>
      <c r="D67" s="108" t="s">
        <v>311</v>
      </c>
      <c r="E67" s="22" t="s">
        <v>117</v>
      </c>
      <c r="F67" s="3" t="s">
        <v>8</v>
      </c>
      <c r="G67" s="33" t="s">
        <v>147</v>
      </c>
      <c r="H67" s="138" t="s">
        <v>340</v>
      </c>
      <c r="I67" s="6" t="s">
        <v>60</v>
      </c>
      <c r="J67" s="3" t="s">
        <v>8</v>
      </c>
      <c r="K67" s="101"/>
      <c r="L67" t="s">
        <v>365</v>
      </c>
      <c r="M67" s="6" t="s">
        <v>60</v>
      </c>
      <c r="N67" s="3" t="s">
        <v>8</v>
      </c>
      <c r="O67" s="3"/>
      <c r="P67" t="s">
        <v>399</v>
      </c>
      <c r="Q67" s="6" t="s">
        <v>60</v>
      </c>
      <c r="R67" s="3" t="s">
        <v>8</v>
      </c>
      <c r="S67" s="3"/>
      <c r="T67" t="s">
        <v>426</v>
      </c>
    </row>
    <row r="68" spans="1:20" x14ac:dyDescent="0.2">
      <c r="A68" s="22" t="s">
        <v>83</v>
      </c>
      <c r="B68" s="3" t="s">
        <v>13</v>
      </c>
      <c r="C68" s="3" t="s">
        <v>25</v>
      </c>
      <c r="D68" s="109" t="s">
        <v>312</v>
      </c>
      <c r="E68" s="22" t="s">
        <v>83</v>
      </c>
      <c r="F68" s="3" t="s">
        <v>13</v>
      </c>
      <c r="G68" s="3"/>
      <c r="H68" s="136" t="s">
        <v>338</v>
      </c>
      <c r="I68" s="6" t="s">
        <v>61</v>
      </c>
      <c r="J68" s="140" t="s">
        <v>13</v>
      </c>
      <c r="K68" s="141" t="s">
        <v>9</v>
      </c>
      <c r="L68" t="s">
        <v>366</v>
      </c>
      <c r="M68" s="6" t="s">
        <v>61</v>
      </c>
      <c r="N68" s="3" t="s">
        <v>13</v>
      </c>
      <c r="O68" s="3" t="s">
        <v>76</v>
      </c>
      <c r="P68" t="s">
        <v>396</v>
      </c>
      <c r="Q68" s="6" t="s">
        <v>61</v>
      </c>
      <c r="R68" s="3" t="s">
        <v>13</v>
      </c>
      <c r="S68" s="3"/>
      <c r="T68" t="s">
        <v>422</v>
      </c>
    </row>
    <row r="69" spans="1:20" x14ac:dyDescent="0.2">
      <c r="A69" s="22" t="s">
        <v>119</v>
      </c>
      <c r="B69" s="3" t="s">
        <v>28</v>
      </c>
      <c r="C69" s="3" t="s">
        <v>6</v>
      </c>
      <c r="D69" s="110" t="s">
        <v>313</v>
      </c>
      <c r="E69" s="22" t="s">
        <v>119</v>
      </c>
      <c r="F69" s="3" t="s">
        <v>28</v>
      </c>
      <c r="G69" s="3" t="s">
        <v>25</v>
      </c>
      <c r="H69" s="137" t="s">
        <v>339</v>
      </c>
      <c r="I69" s="6" t="s">
        <v>62</v>
      </c>
      <c r="J69" s="3" t="s">
        <v>28</v>
      </c>
      <c r="K69" s="3"/>
      <c r="L69" t="s">
        <v>367</v>
      </c>
      <c r="M69" s="6" t="s">
        <v>62</v>
      </c>
      <c r="N69" s="3" t="s">
        <v>28</v>
      </c>
      <c r="O69" s="3"/>
      <c r="P69" t="s">
        <v>397</v>
      </c>
      <c r="Q69" s="6" t="s">
        <v>62</v>
      </c>
      <c r="R69" s="3" t="s">
        <v>28</v>
      </c>
      <c r="S69" s="3"/>
      <c r="T69" s="142" t="s">
        <v>444</v>
      </c>
    </row>
    <row r="70" spans="1:20" x14ac:dyDescent="0.2">
      <c r="A70" s="4"/>
      <c r="H70" s="3"/>
    </row>
    <row r="71" spans="1:20" ht="15" x14ac:dyDescent="0.25">
      <c r="A71" s="4"/>
      <c r="B71" s="28" t="s">
        <v>146</v>
      </c>
      <c r="C71" s="28" t="s">
        <v>68</v>
      </c>
      <c r="D71" s="28" t="s">
        <v>69</v>
      </c>
      <c r="E71" s="28" t="s">
        <v>70</v>
      </c>
      <c r="F71" s="29" t="s">
        <v>71</v>
      </c>
      <c r="G71" s="28"/>
      <c r="H71" s="28"/>
      <c r="I71" s="28"/>
      <c r="J71" s="22"/>
      <c r="K71" s="3"/>
    </row>
    <row r="72" spans="1:20" ht="15" x14ac:dyDescent="0.25">
      <c r="A72" s="10"/>
      <c r="B72" s="22" t="s">
        <v>86</v>
      </c>
      <c r="C72" s="3" t="s">
        <v>24</v>
      </c>
      <c r="D72" s="28" t="s">
        <v>124</v>
      </c>
      <c r="E72" s="28" t="s">
        <v>85</v>
      </c>
      <c r="F72" s="29" t="s">
        <v>85</v>
      </c>
      <c r="G72" s="28"/>
      <c r="H72" s="26" t="s">
        <v>139</v>
      </c>
      <c r="I72" s="28"/>
      <c r="J72" s="22"/>
      <c r="K72" s="3"/>
      <c r="N72" s="22"/>
      <c r="O72" s="3"/>
    </row>
    <row r="73" spans="1:20" ht="15" x14ac:dyDescent="0.25">
      <c r="A73" s="9"/>
      <c r="B73" s="22" t="s">
        <v>87</v>
      </c>
      <c r="C73" s="3" t="s">
        <v>121</v>
      </c>
      <c r="D73" s="28" t="s">
        <v>88</v>
      </c>
      <c r="E73" s="28" t="s">
        <v>85</v>
      </c>
      <c r="F73" s="29" t="s">
        <v>85</v>
      </c>
      <c r="G73" s="28"/>
      <c r="H73" s="26" t="s">
        <v>140</v>
      </c>
      <c r="I73" s="28"/>
      <c r="J73" s="22"/>
      <c r="K73" s="3"/>
      <c r="N73" s="22"/>
      <c r="O73" s="3"/>
      <c r="R73" s="22"/>
      <c r="S73" s="3"/>
    </row>
    <row r="74" spans="1:20" ht="15" x14ac:dyDescent="0.25">
      <c r="A74" s="10"/>
      <c r="B74" s="22" t="s">
        <v>89</v>
      </c>
      <c r="C74" s="3" t="s">
        <v>11</v>
      </c>
      <c r="D74" s="28" t="s">
        <v>91</v>
      </c>
      <c r="E74" s="30"/>
      <c r="F74" s="29" t="s">
        <v>125</v>
      </c>
      <c r="G74" s="28"/>
      <c r="H74" s="31" t="s">
        <v>141</v>
      </c>
      <c r="I74" s="28"/>
      <c r="J74" s="22"/>
      <c r="K74" s="3"/>
      <c r="R74" s="24"/>
      <c r="S74" s="3"/>
    </row>
    <row r="75" spans="1:20" ht="15" x14ac:dyDescent="0.25">
      <c r="A75" s="4"/>
      <c r="B75" s="22" t="s">
        <v>90</v>
      </c>
      <c r="C75" s="3" t="s">
        <v>21</v>
      </c>
      <c r="D75" s="28" t="s">
        <v>91</v>
      </c>
      <c r="E75" s="28"/>
      <c r="F75" s="29" t="s">
        <v>126</v>
      </c>
      <c r="G75" s="28"/>
      <c r="H75" s="31" t="s">
        <v>142</v>
      </c>
      <c r="I75" s="28"/>
      <c r="J75" s="22"/>
      <c r="K75" s="3"/>
      <c r="R75" s="22"/>
      <c r="S75" s="3"/>
    </row>
    <row r="76" spans="1:20" ht="15" x14ac:dyDescent="0.25">
      <c r="A76" s="4"/>
      <c r="B76" s="22" t="s">
        <v>92</v>
      </c>
      <c r="C76" s="3" t="s">
        <v>23</v>
      </c>
      <c r="D76" s="28" t="s">
        <v>91</v>
      </c>
      <c r="E76" s="28"/>
      <c r="F76" s="29" t="s">
        <v>127</v>
      </c>
      <c r="G76" s="28"/>
      <c r="H76" s="26" t="s">
        <v>143</v>
      </c>
      <c r="I76" s="28"/>
      <c r="J76" s="22"/>
      <c r="K76" s="3"/>
    </row>
    <row r="77" spans="1:20" ht="15" x14ac:dyDescent="0.25">
      <c r="A77" s="6"/>
      <c r="B77" s="22" t="s">
        <v>93</v>
      </c>
      <c r="C77" s="3" t="s">
        <v>29</v>
      </c>
      <c r="D77" s="28" t="s">
        <v>128</v>
      </c>
      <c r="E77" s="28" t="s">
        <v>85</v>
      </c>
      <c r="F77" s="29" t="s">
        <v>129</v>
      </c>
      <c r="G77" s="28"/>
      <c r="H77" s="26" t="s">
        <v>144</v>
      </c>
      <c r="I77" s="28"/>
      <c r="J77" s="22"/>
      <c r="K77" s="3"/>
    </row>
    <row r="78" spans="1:20" ht="15" x14ac:dyDescent="0.25">
      <c r="A78" s="6"/>
      <c r="B78" s="22" t="s">
        <v>95</v>
      </c>
      <c r="C78" s="3" t="s">
        <v>17</v>
      </c>
      <c r="D78" s="28" t="s">
        <v>128</v>
      </c>
      <c r="E78" s="28" t="s">
        <v>85</v>
      </c>
      <c r="F78" s="29" t="s">
        <v>72</v>
      </c>
      <c r="G78" s="28"/>
      <c r="H78" s="26" t="s">
        <v>145</v>
      </c>
      <c r="I78" s="28"/>
      <c r="J78" s="22"/>
      <c r="K78" s="22"/>
    </row>
    <row r="79" spans="1:20" ht="15" x14ac:dyDescent="0.25">
      <c r="A79" s="6"/>
      <c r="B79" s="22" t="s">
        <v>96</v>
      </c>
      <c r="C79" s="3" t="s">
        <v>5</v>
      </c>
      <c r="D79" s="28" t="s">
        <v>128</v>
      </c>
      <c r="E79" s="28" t="s">
        <v>85</v>
      </c>
      <c r="F79" s="29" t="s">
        <v>73</v>
      </c>
      <c r="G79" s="28"/>
      <c r="H79" s="26"/>
      <c r="I79" s="28"/>
      <c r="J79" s="22"/>
      <c r="K79" s="22"/>
    </row>
    <row r="80" spans="1:20" ht="15" x14ac:dyDescent="0.25">
      <c r="A80" s="5"/>
      <c r="B80" s="22" t="s">
        <v>97</v>
      </c>
      <c r="C80" s="3" t="s">
        <v>6</v>
      </c>
      <c r="D80" s="28" t="s">
        <v>128</v>
      </c>
      <c r="E80" s="28" t="s">
        <v>85</v>
      </c>
      <c r="F80" s="29" t="s">
        <v>74</v>
      </c>
      <c r="G80" s="28"/>
      <c r="H80" s="28"/>
      <c r="I80" s="28"/>
      <c r="J80" s="22"/>
      <c r="K80" s="22"/>
    </row>
    <row r="81" spans="1:11" ht="15" x14ac:dyDescent="0.25">
      <c r="A81" s="5"/>
      <c r="B81" s="22" t="s">
        <v>99</v>
      </c>
      <c r="C81" s="3" t="s">
        <v>27</v>
      </c>
      <c r="D81" s="28" t="s">
        <v>128</v>
      </c>
      <c r="E81" s="28" t="s">
        <v>85</v>
      </c>
      <c r="F81" s="29" t="s">
        <v>130</v>
      </c>
      <c r="G81" s="28"/>
      <c r="H81" s="28"/>
      <c r="I81" s="28"/>
      <c r="J81" s="22"/>
      <c r="K81" s="22"/>
    </row>
    <row r="82" spans="1:11" ht="15" x14ac:dyDescent="0.25">
      <c r="A82" s="5"/>
      <c r="B82" s="22" t="s">
        <v>100</v>
      </c>
      <c r="C82" s="3" t="s">
        <v>16</v>
      </c>
      <c r="D82" s="28" t="s">
        <v>128</v>
      </c>
      <c r="E82" s="28" t="s">
        <v>85</v>
      </c>
      <c r="F82" s="29" t="s">
        <v>131</v>
      </c>
      <c r="G82" s="28"/>
      <c r="H82" s="28"/>
      <c r="I82" s="28"/>
      <c r="J82" s="22"/>
      <c r="K82" s="22"/>
    </row>
    <row r="83" spans="1:11" ht="15" x14ac:dyDescent="0.25">
      <c r="A83" s="5"/>
      <c r="B83" s="22" t="s">
        <v>101</v>
      </c>
      <c r="C83" s="3" t="s">
        <v>20</v>
      </c>
      <c r="D83" s="28" t="s">
        <v>94</v>
      </c>
      <c r="E83" s="28" t="s">
        <v>85</v>
      </c>
      <c r="F83" s="29"/>
      <c r="G83" s="28"/>
      <c r="H83" s="28"/>
      <c r="I83" s="28"/>
      <c r="J83" s="22"/>
      <c r="K83" s="22"/>
    </row>
    <row r="84" spans="1:11" ht="15" x14ac:dyDescent="0.25">
      <c r="A84" s="5"/>
      <c r="B84" s="22" t="s">
        <v>103</v>
      </c>
      <c r="C84" s="3" t="s">
        <v>9</v>
      </c>
      <c r="D84" s="28" t="s">
        <v>98</v>
      </c>
      <c r="E84" s="28" t="s">
        <v>85</v>
      </c>
      <c r="F84" s="29" t="s">
        <v>132</v>
      </c>
      <c r="G84" s="28"/>
      <c r="H84" s="28"/>
      <c r="I84" s="28"/>
      <c r="J84" s="22"/>
      <c r="K84" s="22"/>
    </row>
    <row r="85" spans="1:11" ht="15" x14ac:dyDescent="0.25">
      <c r="A85" s="5"/>
      <c r="B85" s="22" t="s">
        <v>104</v>
      </c>
      <c r="C85" s="3" t="s">
        <v>133</v>
      </c>
      <c r="D85" s="28" t="s">
        <v>98</v>
      </c>
      <c r="E85" s="28" t="s">
        <v>85</v>
      </c>
      <c r="F85" s="29"/>
      <c r="G85" s="28"/>
      <c r="H85" s="28"/>
      <c r="I85" s="28"/>
      <c r="J85" s="22"/>
      <c r="K85" s="22"/>
    </row>
    <row r="86" spans="1:11" ht="15" x14ac:dyDescent="0.25">
      <c r="A86" s="5"/>
      <c r="B86" s="22" t="s">
        <v>105</v>
      </c>
      <c r="C86" s="3" t="s">
        <v>76</v>
      </c>
      <c r="D86" s="28" t="s">
        <v>102</v>
      </c>
      <c r="E86" s="28" t="s">
        <v>85</v>
      </c>
      <c r="F86" s="29" t="s">
        <v>134</v>
      </c>
      <c r="G86" s="28"/>
      <c r="H86" s="28"/>
      <c r="I86" s="28"/>
      <c r="J86" s="22"/>
      <c r="K86" s="22"/>
    </row>
    <row r="87" spans="1:11" ht="15" x14ac:dyDescent="0.25">
      <c r="A87" s="5"/>
      <c r="B87" s="22" t="s">
        <v>106</v>
      </c>
      <c r="C87" s="3" t="s">
        <v>19</v>
      </c>
      <c r="D87" s="28" t="s">
        <v>102</v>
      </c>
      <c r="E87" s="28" t="s">
        <v>85</v>
      </c>
      <c r="F87" s="29"/>
      <c r="G87" s="28"/>
      <c r="H87" s="28"/>
      <c r="I87" s="28"/>
      <c r="J87" s="22"/>
      <c r="K87" s="22"/>
    </row>
    <row r="88" spans="1:11" ht="15" x14ac:dyDescent="0.25">
      <c r="A88" s="5"/>
      <c r="B88" s="22" t="s">
        <v>107</v>
      </c>
      <c r="C88" s="3" t="s">
        <v>67</v>
      </c>
      <c r="D88" s="28" t="s">
        <v>135</v>
      </c>
      <c r="E88" s="28" t="s">
        <v>85</v>
      </c>
      <c r="F88" s="29"/>
      <c r="G88" s="28" t="s">
        <v>75</v>
      </c>
      <c r="H88" s="28"/>
      <c r="I88" s="28"/>
      <c r="J88" s="22"/>
      <c r="K88" s="22"/>
    </row>
    <row r="89" spans="1:11" ht="15" x14ac:dyDescent="0.25">
      <c r="B89" s="22" t="s">
        <v>108</v>
      </c>
      <c r="C89" s="3" t="s">
        <v>0</v>
      </c>
      <c r="D89" s="28" t="s">
        <v>110</v>
      </c>
      <c r="E89" s="28"/>
      <c r="F89" s="29" t="s">
        <v>85</v>
      </c>
      <c r="G89" s="28"/>
      <c r="H89" s="28"/>
      <c r="I89" s="28"/>
      <c r="J89" s="22"/>
      <c r="K89" s="22"/>
    </row>
    <row r="90" spans="1:11" ht="15" x14ac:dyDescent="0.25">
      <c r="B90" s="22" t="s">
        <v>109</v>
      </c>
      <c r="C90" s="3" t="s">
        <v>136</v>
      </c>
      <c r="D90" s="28" t="s">
        <v>112</v>
      </c>
      <c r="E90" s="28" t="s">
        <v>85</v>
      </c>
      <c r="F90" s="29" t="s">
        <v>85</v>
      </c>
      <c r="G90" s="28"/>
      <c r="H90" s="28"/>
      <c r="I90" s="28"/>
      <c r="J90" s="22"/>
      <c r="K90" s="22"/>
    </row>
    <row r="91" spans="1:11" ht="15" x14ac:dyDescent="0.25">
      <c r="B91" s="22" t="s">
        <v>111</v>
      </c>
      <c r="C91" s="3" t="s">
        <v>22</v>
      </c>
      <c r="D91" s="28" t="s">
        <v>118</v>
      </c>
      <c r="E91" s="28" t="s">
        <v>85</v>
      </c>
      <c r="F91" s="29"/>
      <c r="G91" s="28"/>
      <c r="H91" s="28"/>
      <c r="I91" s="28"/>
      <c r="J91" s="22"/>
      <c r="K91" s="22"/>
    </row>
    <row r="92" spans="1:11" ht="15" x14ac:dyDescent="0.25">
      <c r="B92" s="22" t="s">
        <v>78</v>
      </c>
      <c r="C92" s="3" t="s">
        <v>7</v>
      </c>
      <c r="D92" s="28" t="s">
        <v>115</v>
      </c>
      <c r="E92" s="28"/>
      <c r="F92" s="28" t="s">
        <v>137</v>
      </c>
      <c r="G92" s="28"/>
      <c r="H92" s="28"/>
      <c r="I92" s="28" t="s">
        <v>77</v>
      </c>
      <c r="J92" s="22"/>
      <c r="K92" s="22"/>
    </row>
    <row r="93" spans="1:11" ht="15" x14ac:dyDescent="0.25">
      <c r="B93" s="22" t="s">
        <v>113</v>
      </c>
      <c r="C93" s="3" t="s">
        <v>26</v>
      </c>
      <c r="D93" s="28" t="s">
        <v>115</v>
      </c>
      <c r="E93" s="28" t="s">
        <v>85</v>
      </c>
      <c r="F93" s="29"/>
      <c r="G93" s="28"/>
      <c r="H93" s="28"/>
      <c r="I93" s="28"/>
      <c r="J93" s="22"/>
      <c r="K93" s="22"/>
    </row>
    <row r="94" spans="1:11" ht="15" x14ac:dyDescent="0.25">
      <c r="B94" s="22" t="s">
        <v>114</v>
      </c>
      <c r="C94" s="3" t="s">
        <v>25</v>
      </c>
      <c r="D94" s="28" t="s">
        <v>84</v>
      </c>
      <c r="E94" s="28" t="s">
        <v>85</v>
      </c>
      <c r="F94" s="29"/>
      <c r="G94" s="28"/>
      <c r="H94" s="28"/>
      <c r="I94" s="28"/>
      <c r="J94" s="22"/>
      <c r="K94" s="22"/>
    </row>
    <row r="95" spans="1:11" ht="15" x14ac:dyDescent="0.25">
      <c r="B95" s="22" t="s">
        <v>116</v>
      </c>
      <c r="C95" s="3" t="s">
        <v>120</v>
      </c>
      <c r="D95" s="28" t="s">
        <v>81</v>
      </c>
      <c r="E95" s="28" t="s">
        <v>85</v>
      </c>
      <c r="F95" s="29"/>
      <c r="G95" s="28"/>
      <c r="H95" s="28"/>
      <c r="I95" s="28"/>
      <c r="J95" s="22"/>
      <c r="K95" s="22"/>
    </row>
    <row r="96" spans="1:11" ht="15" x14ac:dyDescent="0.25">
      <c r="B96" s="22" t="s">
        <v>80</v>
      </c>
      <c r="C96" s="3" t="s">
        <v>12</v>
      </c>
      <c r="D96" s="28" t="s">
        <v>115</v>
      </c>
      <c r="E96" s="28" t="s">
        <v>85</v>
      </c>
      <c r="F96" s="29"/>
      <c r="G96" s="28" t="s">
        <v>79</v>
      </c>
      <c r="H96" s="28"/>
      <c r="I96" s="28"/>
      <c r="J96" s="22"/>
      <c r="K96" s="22"/>
    </row>
    <row r="97" spans="2:11" ht="15" x14ac:dyDescent="0.25">
      <c r="B97" s="22" t="s">
        <v>117</v>
      </c>
      <c r="C97" s="3" t="s">
        <v>8</v>
      </c>
      <c r="D97" s="28" t="s">
        <v>81</v>
      </c>
      <c r="E97" s="28" t="s">
        <v>85</v>
      </c>
      <c r="F97" s="29" t="s">
        <v>85</v>
      </c>
      <c r="G97" s="28"/>
      <c r="H97" s="28"/>
      <c r="I97" s="28"/>
      <c r="J97" s="22"/>
      <c r="K97" s="22"/>
    </row>
    <row r="98" spans="2:11" ht="15" x14ac:dyDescent="0.25">
      <c r="B98" s="22" t="s">
        <v>83</v>
      </c>
      <c r="C98" s="3" t="s">
        <v>13</v>
      </c>
      <c r="D98" s="28" t="s">
        <v>84</v>
      </c>
      <c r="E98" s="28" t="s">
        <v>85</v>
      </c>
      <c r="F98" s="29" t="s">
        <v>85</v>
      </c>
      <c r="G98" s="28" t="s">
        <v>82</v>
      </c>
      <c r="H98" s="28"/>
      <c r="I98" s="28"/>
      <c r="J98" s="22"/>
      <c r="K98" s="22"/>
    </row>
    <row r="99" spans="2:11" ht="15" x14ac:dyDescent="0.25">
      <c r="B99" s="22" t="s">
        <v>119</v>
      </c>
      <c r="C99" s="3" t="s">
        <v>28</v>
      </c>
      <c r="D99" s="28" t="s">
        <v>115</v>
      </c>
      <c r="E99" s="28" t="s">
        <v>85</v>
      </c>
      <c r="F99" s="29" t="s">
        <v>85</v>
      </c>
      <c r="G99" s="28"/>
      <c r="H99" s="28"/>
      <c r="I99" s="28"/>
      <c r="J99" s="22"/>
      <c r="K99" s="22"/>
    </row>
    <row r="100" spans="2:11" ht="15" x14ac:dyDescent="0.25">
      <c r="B100" s="22"/>
      <c r="C100" s="3"/>
      <c r="D100" s="28"/>
      <c r="E100" s="28"/>
      <c r="F100" s="29"/>
      <c r="G100" s="28"/>
      <c r="H100" s="28"/>
      <c r="I100" s="28"/>
      <c r="J100" s="22"/>
      <c r="K100" s="22"/>
    </row>
    <row r="101" spans="2:11" ht="15" x14ac:dyDescent="0.25">
      <c r="B101" s="22" t="s">
        <v>138</v>
      </c>
      <c r="C101" s="3"/>
      <c r="D101" s="28"/>
      <c r="E101" s="28"/>
      <c r="F101" s="29"/>
      <c r="G101" s="28"/>
      <c r="H101" s="28"/>
      <c r="I101" s="28"/>
      <c r="J101" s="22"/>
      <c r="K101" s="22"/>
    </row>
    <row r="102" spans="2:11" ht="15" x14ac:dyDescent="0.25">
      <c r="B102" s="22"/>
      <c r="C102" s="3" t="s">
        <v>68</v>
      </c>
      <c r="D102" s="28" t="s">
        <v>69</v>
      </c>
      <c r="E102" s="28"/>
      <c r="F102" s="29"/>
      <c r="G102" s="28"/>
      <c r="H102" s="28"/>
      <c r="I102" s="28"/>
      <c r="J102" s="22"/>
      <c r="K102" s="22"/>
    </row>
    <row r="103" spans="2:11" ht="15" x14ac:dyDescent="0.25">
      <c r="B103" s="22" t="s">
        <v>86</v>
      </c>
      <c r="C103" s="3" t="s">
        <v>24</v>
      </c>
      <c r="D103" s="28" t="s">
        <v>124</v>
      </c>
      <c r="E103" s="28"/>
      <c r="F103" s="29"/>
      <c r="G103" s="28"/>
      <c r="H103" s="28"/>
      <c r="I103" s="28"/>
      <c r="J103" s="22"/>
      <c r="K103" s="22"/>
    </row>
    <row r="104" spans="2:11" ht="15" x14ac:dyDescent="0.25">
      <c r="B104" s="22" t="s">
        <v>87</v>
      </c>
      <c r="C104" s="3" t="s">
        <v>121</v>
      </c>
      <c r="D104" s="28" t="s">
        <v>88</v>
      </c>
      <c r="E104" s="28"/>
      <c r="F104" s="29"/>
      <c r="G104" s="28"/>
      <c r="H104" s="28"/>
      <c r="I104" s="28"/>
      <c r="J104" s="22"/>
      <c r="K104" s="22"/>
    </row>
    <row r="105" spans="2:11" ht="15" x14ac:dyDescent="0.25">
      <c r="B105" s="22" t="s">
        <v>89</v>
      </c>
      <c r="C105" s="3" t="s">
        <v>23</v>
      </c>
      <c r="D105" s="28" t="s">
        <v>91</v>
      </c>
      <c r="E105" s="28"/>
      <c r="F105" s="29"/>
      <c r="G105" s="28"/>
      <c r="H105" s="28"/>
      <c r="I105" s="28"/>
      <c r="J105" s="22"/>
      <c r="K105" s="22"/>
    </row>
    <row r="106" spans="2:11" ht="15" x14ac:dyDescent="0.25">
      <c r="B106" s="22" t="s">
        <v>90</v>
      </c>
      <c r="C106" s="3" t="s">
        <v>21</v>
      </c>
      <c r="D106" s="28" t="s">
        <v>91</v>
      </c>
      <c r="E106" s="28"/>
      <c r="F106" s="29"/>
      <c r="G106" s="28"/>
      <c r="H106" s="28"/>
      <c r="I106" s="28"/>
      <c r="J106" s="22"/>
      <c r="K106" s="22"/>
    </row>
    <row r="107" spans="2:11" ht="15" x14ac:dyDescent="0.25">
      <c r="B107" s="22" t="s">
        <v>92</v>
      </c>
      <c r="C107" s="3" t="s">
        <v>11</v>
      </c>
      <c r="D107" s="28" t="s">
        <v>91</v>
      </c>
      <c r="E107" s="28"/>
      <c r="F107" s="29"/>
      <c r="G107" s="28"/>
      <c r="H107" s="28"/>
      <c r="I107" s="28"/>
      <c r="J107" s="22"/>
      <c r="K107" s="22"/>
    </row>
    <row r="108" spans="2:11" ht="15" x14ac:dyDescent="0.25">
      <c r="B108" s="22" t="s">
        <v>93</v>
      </c>
      <c r="C108" s="3" t="s">
        <v>16</v>
      </c>
      <c r="D108" s="28" t="s">
        <v>128</v>
      </c>
      <c r="E108" s="28"/>
      <c r="F108" s="29"/>
      <c r="G108" s="28"/>
      <c r="H108" s="28"/>
      <c r="I108" s="28"/>
      <c r="J108" s="22"/>
      <c r="K108" s="22"/>
    </row>
    <row r="109" spans="2:11" ht="15" x14ac:dyDescent="0.25">
      <c r="B109" s="22" t="s">
        <v>95</v>
      </c>
      <c r="C109" s="3" t="s">
        <v>27</v>
      </c>
      <c r="D109" s="28" t="s">
        <v>128</v>
      </c>
      <c r="E109" s="28"/>
      <c r="F109" s="29"/>
      <c r="G109" s="28"/>
      <c r="H109" s="28"/>
      <c r="I109" s="28"/>
      <c r="J109" s="22"/>
      <c r="K109" s="22"/>
    </row>
    <row r="110" spans="2:11" ht="15" x14ac:dyDescent="0.25">
      <c r="B110" s="22" t="s">
        <v>96</v>
      </c>
      <c r="C110" s="3" t="s">
        <v>6</v>
      </c>
      <c r="D110" s="28" t="s">
        <v>128</v>
      </c>
      <c r="E110" s="28"/>
      <c r="F110" s="29"/>
      <c r="G110" s="28"/>
      <c r="H110" s="28"/>
      <c r="I110" s="28"/>
      <c r="J110" s="22"/>
      <c r="K110" s="22"/>
    </row>
    <row r="111" spans="2:11" ht="15" x14ac:dyDescent="0.25">
      <c r="B111" s="22" t="s">
        <v>97</v>
      </c>
      <c r="C111" s="3" t="s">
        <v>5</v>
      </c>
      <c r="D111" s="28" t="s">
        <v>128</v>
      </c>
      <c r="E111" s="28"/>
      <c r="F111" s="29"/>
      <c r="G111" s="28"/>
      <c r="H111" s="28"/>
      <c r="I111" s="28"/>
      <c r="J111" s="22"/>
      <c r="K111" s="22"/>
    </row>
    <row r="112" spans="2:11" ht="15" x14ac:dyDescent="0.25">
      <c r="B112" s="22" t="s">
        <v>99</v>
      </c>
      <c r="C112" s="3" t="s">
        <v>17</v>
      </c>
      <c r="D112" s="28" t="s">
        <v>128</v>
      </c>
      <c r="E112" s="28"/>
      <c r="F112" s="29"/>
      <c r="G112" s="28"/>
      <c r="H112" s="28"/>
      <c r="I112" s="28"/>
      <c r="J112" s="22"/>
      <c r="K112" s="22"/>
    </row>
    <row r="113" spans="2:11" ht="15" x14ac:dyDescent="0.25">
      <c r="B113" s="22" t="s">
        <v>100</v>
      </c>
      <c r="C113" s="3" t="s">
        <v>29</v>
      </c>
      <c r="D113" s="28" t="s">
        <v>128</v>
      </c>
      <c r="E113" s="28"/>
      <c r="F113" s="29"/>
      <c r="G113" s="28"/>
      <c r="H113" s="28"/>
      <c r="I113" s="28"/>
      <c r="J113" s="22"/>
      <c r="K113" s="22"/>
    </row>
    <row r="114" spans="2:11" ht="15" x14ac:dyDescent="0.25">
      <c r="B114" s="22" t="s">
        <v>101</v>
      </c>
      <c r="C114" s="3" t="s">
        <v>20</v>
      </c>
      <c r="D114" s="28" t="s">
        <v>94</v>
      </c>
      <c r="E114" s="28"/>
      <c r="F114" s="29"/>
      <c r="G114" s="28"/>
      <c r="H114" s="28"/>
      <c r="I114" s="28"/>
      <c r="J114" s="22"/>
      <c r="K114" s="22"/>
    </row>
    <row r="115" spans="2:11" ht="15" x14ac:dyDescent="0.25">
      <c r="B115" s="22" t="s">
        <v>103</v>
      </c>
      <c r="C115" s="3" t="s">
        <v>133</v>
      </c>
      <c r="D115" s="28" t="s">
        <v>98</v>
      </c>
      <c r="E115" s="28"/>
      <c r="F115" s="29"/>
      <c r="G115" s="28"/>
      <c r="H115" s="28"/>
      <c r="I115" s="28"/>
      <c r="J115" s="22"/>
      <c r="K115" s="22"/>
    </row>
    <row r="116" spans="2:11" ht="15" x14ac:dyDescent="0.25">
      <c r="B116" s="22" t="s">
        <v>104</v>
      </c>
      <c r="C116" s="3" t="s">
        <v>9</v>
      </c>
      <c r="D116" s="28" t="s">
        <v>98</v>
      </c>
      <c r="E116" s="28"/>
      <c r="F116" s="29"/>
      <c r="G116" s="28"/>
      <c r="H116" s="28"/>
      <c r="I116" s="28"/>
      <c r="J116" s="22"/>
      <c r="K116" s="22"/>
    </row>
    <row r="117" spans="2:11" ht="15" x14ac:dyDescent="0.25">
      <c r="B117" s="22" t="s">
        <v>105</v>
      </c>
      <c r="C117" s="3" t="s">
        <v>19</v>
      </c>
      <c r="D117" s="28" t="s">
        <v>102</v>
      </c>
      <c r="E117" s="28"/>
      <c r="F117" s="29"/>
      <c r="G117" s="28"/>
      <c r="H117" s="28"/>
      <c r="I117" s="28"/>
      <c r="J117" s="22"/>
      <c r="K117" s="22"/>
    </row>
    <row r="118" spans="2:11" ht="15" x14ac:dyDescent="0.25">
      <c r="B118" s="22" t="s">
        <v>106</v>
      </c>
      <c r="C118" s="3" t="s">
        <v>76</v>
      </c>
      <c r="D118" s="28" t="s">
        <v>102</v>
      </c>
      <c r="E118" s="28"/>
      <c r="F118" s="29"/>
      <c r="G118" s="28"/>
      <c r="H118" s="28"/>
      <c r="I118" s="28"/>
      <c r="J118" s="22"/>
      <c r="K118" s="22"/>
    </row>
    <row r="119" spans="2:11" ht="15" x14ac:dyDescent="0.25">
      <c r="B119" s="22" t="s">
        <v>107</v>
      </c>
      <c r="C119" s="3" t="s">
        <v>67</v>
      </c>
      <c r="D119" s="28" t="s">
        <v>135</v>
      </c>
      <c r="E119" s="28"/>
      <c r="F119" s="29"/>
      <c r="G119" s="28" t="s">
        <v>75</v>
      </c>
      <c r="H119" s="28"/>
      <c r="I119" s="28"/>
      <c r="J119" s="22"/>
      <c r="K119" s="22"/>
    </row>
    <row r="120" spans="2:11" ht="15" x14ac:dyDescent="0.25">
      <c r="B120" s="22" t="s">
        <v>108</v>
      </c>
      <c r="C120" s="3" t="s">
        <v>0</v>
      </c>
      <c r="D120" s="28" t="s">
        <v>110</v>
      </c>
      <c r="E120" s="28"/>
      <c r="F120" s="29"/>
      <c r="G120" s="28"/>
      <c r="H120" s="28"/>
      <c r="I120" s="28"/>
      <c r="J120" s="22"/>
      <c r="K120" s="22"/>
    </row>
    <row r="121" spans="2:11" ht="15" x14ac:dyDescent="0.25">
      <c r="B121" s="22" t="s">
        <v>109</v>
      </c>
      <c r="C121" s="3" t="s">
        <v>136</v>
      </c>
      <c r="D121" s="28" t="s">
        <v>112</v>
      </c>
      <c r="E121" s="28"/>
      <c r="F121" s="29"/>
      <c r="G121" s="28"/>
      <c r="H121" s="28"/>
      <c r="I121" s="28"/>
      <c r="J121" s="22"/>
      <c r="K121" s="22"/>
    </row>
    <row r="122" spans="2:11" ht="15" x14ac:dyDescent="0.25">
      <c r="B122" s="22" t="s">
        <v>111</v>
      </c>
      <c r="C122" s="3" t="s">
        <v>22</v>
      </c>
      <c r="D122" s="28" t="s">
        <v>118</v>
      </c>
      <c r="E122" s="28"/>
      <c r="F122" s="29"/>
      <c r="G122" s="28"/>
      <c r="H122" s="28"/>
      <c r="I122" s="28"/>
      <c r="J122" s="22"/>
      <c r="K122" s="22"/>
    </row>
    <row r="123" spans="2:11" ht="15" x14ac:dyDescent="0.25">
      <c r="B123" s="22" t="s">
        <v>78</v>
      </c>
      <c r="C123" s="3" t="s">
        <v>26</v>
      </c>
      <c r="D123" s="28" t="s">
        <v>115</v>
      </c>
      <c r="E123" s="28"/>
      <c r="F123" s="29"/>
      <c r="G123" s="28" t="s">
        <v>77</v>
      </c>
      <c r="H123" s="28"/>
      <c r="I123" s="28"/>
      <c r="J123" s="22"/>
      <c r="K123" s="22"/>
    </row>
    <row r="124" spans="2:11" ht="15" x14ac:dyDescent="0.25">
      <c r="B124" s="22" t="s">
        <v>113</v>
      </c>
      <c r="C124" s="3" t="s">
        <v>7</v>
      </c>
      <c r="D124" s="28" t="s">
        <v>115</v>
      </c>
      <c r="E124" s="28"/>
      <c r="F124" s="29"/>
      <c r="G124" s="28"/>
      <c r="H124" s="28"/>
      <c r="I124" s="28"/>
      <c r="J124" s="22"/>
      <c r="K124" s="22"/>
    </row>
    <row r="125" spans="2:11" ht="15" x14ac:dyDescent="0.25">
      <c r="B125" s="22" t="s">
        <v>114</v>
      </c>
      <c r="C125" s="3" t="s">
        <v>25</v>
      </c>
      <c r="D125" s="28" t="s">
        <v>84</v>
      </c>
      <c r="E125" s="28"/>
      <c r="F125" s="29"/>
      <c r="G125" s="28"/>
      <c r="H125" s="28"/>
      <c r="I125" s="28"/>
      <c r="J125" s="22"/>
      <c r="K125" s="22"/>
    </row>
    <row r="126" spans="2:11" ht="15" x14ac:dyDescent="0.25">
      <c r="B126" s="22" t="s">
        <v>116</v>
      </c>
      <c r="C126" s="3" t="s">
        <v>120</v>
      </c>
      <c r="D126" s="28" t="s">
        <v>81</v>
      </c>
      <c r="E126" s="28"/>
      <c r="F126" s="29"/>
      <c r="G126" s="28"/>
      <c r="H126" s="28"/>
      <c r="I126" s="28"/>
      <c r="J126" s="22"/>
      <c r="K126" s="22"/>
    </row>
    <row r="127" spans="2:11" ht="15" x14ac:dyDescent="0.25">
      <c r="B127" s="22" t="s">
        <v>80</v>
      </c>
      <c r="C127" s="3" t="s">
        <v>12</v>
      </c>
      <c r="D127" s="28" t="s">
        <v>115</v>
      </c>
      <c r="E127" s="28"/>
      <c r="F127" s="29"/>
      <c r="G127" s="28" t="s">
        <v>79</v>
      </c>
      <c r="H127" s="28"/>
      <c r="I127" s="28"/>
      <c r="J127" s="22"/>
      <c r="K127" s="22"/>
    </row>
    <row r="128" spans="2:11" ht="15" x14ac:dyDescent="0.25">
      <c r="B128" s="22" t="s">
        <v>117</v>
      </c>
      <c r="C128" s="3" t="s">
        <v>8</v>
      </c>
      <c r="D128" s="28" t="s">
        <v>81</v>
      </c>
      <c r="E128" s="28"/>
      <c r="F128" s="29"/>
      <c r="G128" s="28"/>
      <c r="H128" s="28"/>
      <c r="I128" s="28"/>
      <c r="J128" s="22"/>
      <c r="K128" s="22"/>
    </row>
    <row r="129" spans="2:11" ht="15" x14ac:dyDescent="0.25">
      <c r="B129" s="22" t="s">
        <v>83</v>
      </c>
      <c r="C129" s="3" t="s">
        <v>13</v>
      </c>
      <c r="D129" s="28" t="s">
        <v>84</v>
      </c>
      <c r="E129" s="28"/>
      <c r="F129" s="29"/>
      <c r="G129" s="28" t="s">
        <v>82</v>
      </c>
      <c r="H129" s="28"/>
      <c r="I129" s="28"/>
      <c r="J129" s="22"/>
      <c r="K129" s="22"/>
    </row>
    <row r="130" spans="2:11" ht="15" x14ac:dyDescent="0.25">
      <c r="B130" s="22" t="s">
        <v>119</v>
      </c>
      <c r="C130" s="3" t="s">
        <v>28</v>
      </c>
      <c r="D130" s="28" t="s">
        <v>115</v>
      </c>
      <c r="E130" s="28"/>
      <c r="F130" s="29"/>
      <c r="G130" s="28"/>
      <c r="H130" s="28"/>
      <c r="I130" s="28"/>
      <c r="J130" s="22"/>
      <c r="K130" s="22"/>
    </row>
    <row r="131" spans="2:11" ht="15" x14ac:dyDescent="0.25">
      <c r="B131" s="22"/>
      <c r="C131" s="3"/>
      <c r="D131" s="28"/>
      <c r="E131" s="22"/>
      <c r="F131" s="23"/>
      <c r="G131" s="22"/>
      <c r="H131" s="22"/>
      <c r="I131" s="22"/>
      <c r="J131" s="22"/>
      <c r="K131" s="22"/>
    </row>
    <row r="132" spans="2:11" x14ac:dyDescent="0.2">
      <c r="B132" s="22"/>
      <c r="C132" s="3"/>
      <c r="D132" s="7"/>
      <c r="E132" s="22"/>
      <c r="F132" s="23"/>
      <c r="G132" s="22"/>
      <c r="H132" s="22"/>
      <c r="I132" s="22"/>
      <c r="J132" s="22"/>
      <c r="K132" s="22"/>
    </row>
    <row r="133" spans="2:11" x14ac:dyDescent="0.2">
      <c r="B133" s="22"/>
      <c r="C133" s="3"/>
      <c r="D133" s="7"/>
      <c r="E133" s="22"/>
      <c r="F133" s="23"/>
      <c r="G133" s="22"/>
      <c r="H133" s="22"/>
      <c r="I133" s="22"/>
      <c r="J133" s="22"/>
      <c r="K133" s="22"/>
    </row>
    <row r="134" spans="2:11" x14ac:dyDescent="0.2">
      <c r="B134" s="22"/>
      <c r="C134" s="3"/>
      <c r="D134" s="7"/>
      <c r="E134" s="22"/>
      <c r="F134" s="23"/>
      <c r="G134" s="22"/>
      <c r="H134" s="22"/>
      <c r="I134" s="22"/>
      <c r="J134" s="22"/>
      <c r="K134" s="22"/>
    </row>
    <row r="135" spans="2:11" x14ac:dyDescent="0.2">
      <c r="B135" s="22"/>
      <c r="C135" s="3"/>
      <c r="D135" s="7"/>
      <c r="E135" s="22"/>
      <c r="F135" s="23"/>
      <c r="G135" s="22"/>
      <c r="H135" s="22"/>
      <c r="I135" s="22"/>
      <c r="J135" s="22"/>
      <c r="K135" s="22"/>
    </row>
    <row r="136" spans="2:11" x14ac:dyDescent="0.2">
      <c r="B136" s="22"/>
      <c r="C136" s="3"/>
      <c r="D136" s="7"/>
      <c r="E136" s="22"/>
      <c r="F136" s="23"/>
      <c r="G136" s="22"/>
      <c r="H136" s="22"/>
      <c r="I136" s="22"/>
      <c r="J136" s="22"/>
      <c r="K136" s="22"/>
    </row>
    <row r="137" spans="2:11" x14ac:dyDescent="0.2">
      <c r="B137" s="22"/>
      <c r="C137" s="3"/>
      <c r="D137" s="7"/>
      <c r="E137" s="22"/>
      <c r="F137" s="23"/>
      <c r="G137" s="22"/>
      <c r="H137" s="22"/>
      <c r="I137" s="22"/>
      <c r="J137" s="22"/>
      <c r="K137" s="22"/>
    </row>
    <row r="138" spans="2:11" x14ac:dyDescent="0.2">
      <c r="B138" s="22"/>
      <c r="C138" s="3"/>
      <c r="D138" s="7"/>
      <c r="E138" s="22"/>
      <c r="F138" s="23"/>
      <c r="G138" s="22"/>
      <c r="H138" s="22"/>
      <c r="I138" s="22"/>
      <c r="J138" s="22"/>
      <c r="K138" s="22"/>
    </row>
    <row r="139" spans="2:11" x14ac:dyDescent="0.2">
      <c r="B139" s="22"/>
      <c r="C139" s="3"/>
      <c r="D139" s="7"/>
      <c r="E139" s="22"/>
      <c r="F139" s="23"/>
      <c r="G139" s="22"/>
      <c r="H139" s="22"/>
      <c r="I139" s="22"/>
      <c r="J139" s="22"/>
      <c r="K139" s="22"/>
    </row>
    <row r="140" spans="2:11" x14ac:dyDescent="0.2">
      <c r="B140" s="22"/>
      <c r="C140" s="3"/>
      <c r="D140" s="7"/>
      <c r="E140" s="22"/>
      <c r="F140" s="23"/>
      <c r="G140" s="22"/>
      <c r="H140" s="22"/>
      <c r="I140" s="22"/>
      <c r="J140" s="22"/>
      <c r="K140" s="22"/>
    </row>
    <row r="141" spans="2:11" x14ac:dyDescent="0.2">
      <c r="B141" s="22"/>
      <c r="C141" s="3"/>
      <c r="D141" s="7"/>
      <c r="E141" s="22"/>
      <c r="F141" s="23"/>
      <c r="G141" s="22"/>
      <c r="H141" s="22"/>
      <c r="I141" s="22"/>
      <c r="J141" s="22"/>
      <c r="K141" s="22"/>
    </row>
    <row r="142" spans="2:11" x14ac:dyDescent="0.2">
      <c r="B142" s="22"/>
      <c r="C142" s="3"/>
      <c r="D142" s="7"/>
      <c r="E142" s="22"/>
      <c r="F142" s="23"/>
      <c r="G142" s="22"/>
      <c r="H142" s="22"/>
      <c r="I142" s="22"/>
      <c r="J142" s="22"/>
      <c r="K142" s="22"/>
    </row>
    <row r="143" spans="2:11" x14ac:dyDescent="0.2">
      <c r="B143" s="22"/>
      <c r="C143" s="3"/>
      <c r="D143" s="7"/>
      <c r="E143" s="22"/>
      <c r="F143" s="23"/>
      <c r="G143" s="22"/>
      <c r="H143" s="22"/>
      <c r="I143" s="22"/>
      <c r="J143" s="22"/>
      <c r="K143" s="22"/>
    </row>
    <row r="144" spans="2:11" x14ac:dyDescent="0.2">
      <c r="B144" s="22"/>
      <c r="C144" s="3"/>
      <c r="D144" s="7"/>
      <c r="E144" s="22"/>
      <c r="F144" s="23"/>
      <c r="G144" s="22"/>
      <c r="H144" s="22"/>
      <c r="I144" s="22"/>
      <c r="J144" s="22"/>
      <c r="K144" s="22"/>
    </row>
    <row r="145" spans="2:11" x14ac:dyDescent="0.2">
      <c r="B145" s="22"/>
      <c r="C145" s="3"/>
      <c r="D145" s="7"/>
      <c r="E145" s="22"/>
      <c r="F145" s="23"/>
      <c r="G145" s="22"/>
      <c r="H145" s="22"/>
      <c r="I145" s="22"/>
      <c r="J145" s="22"/>
      <c r="K145" s="22"/>
    </row>
    <row r="146" spans="2:11" x14ac:dyDescent="0.2">
      <c r="B146" s="22"/>
      <c r="C146" s="3"/>
      <c r="D146" s="7"/>
      <c r="E146" s="22"/>
      <c r="F146" s="23"/>
      <c r="G146" s="22"/>
      <c r="H146" s="22"/>
      <c r="I146" s="22"/>
      <c r="J146" s="22"/>
      <c r="K146" s="22"/>
    </row>
    <row r="147" spans="2:11" x14ac:dyDescent="0.2">
      <c r="B147" s="22"/>
      <c r="C147" s="3"/>
      <c r="D147" s="7"/>
      <c r="E147" s="22"/>
      <c r="F147" s="23"/>
    </row>
    <row r="148" spans="2:11" x14ac:dyDescent="0.2">
      <c r="B148" s="22"/>
      <c r="C148" s="3"/>
      <c r="D148" s="7"/>
      <c r="E148" s="22"/>
      <c r="F148" s="23"/>
    </row>
    <row r="149" spans="2:11" x14ac:dyDescent="0.2">
      <c r="B149" s="22"/>
      <c r="C149" s="3"/>
      <c r="D149" s="7"/>
      <c r="E149" s="22"/>
      <c r="F149" s="23"/>
    </row>
    <row r="150" spans="2:11" x14ac:dyDescent="0.2">
      <c r="B150" s="22"/>
      <c r="C150" s="3"/>
      <c r="D150" s="7"/>
      <c r="E150" s="22"/>
      <c r="F150" s="23"/>
    </row>
    <row r="151" spans="2:11" x14ac:dyDescent="0.2">
      <c r="B151" s="22"/>
      <c r="C151" s="3"/>
      <c r="D151" s="7"/>
      <c r="E151" s="22"/>
      <c r="F151" s="23"/>
    </row>
    <row r="152" spans="2:11" x14ac:dyDescent="0.2">
      <c r="B152" s="22"/>
      <c r="C152" s="3"/>
      <c r="D152" s="7"/>
      <c r="E152" s="22"/>
      <c r="F152" s="23"/>
    </row>
    <row r="153" spans="2:11" x14ac:dyDescent="0.2">
      <c r="B153" s="22"/>
      <c r="C153" s="22"/>
      <c r="D153" s="22"/>
      <c r="E153" s="22"/>
      <c r="F153" s="23"/>
    </row>
    <row r="154" spans="2:11" x14ac:dyDescent="0.2">
      <c r="B154" s="22"/>
      <c r="C154" s="22"/>
      <c r="D154" s="22"/>
      <c r="E154" s="22"/>
      <c r="F154" s="23"/>
    </row>
    <row r="155" spans="2:11" x14ac:dyDescent="0.2">
      <c r="B155" s="22"/>
      <c r="C155" s="22"/>
      <c r="D155" s="22"/>
      <c r="E155" s="22"/>
      <c r="F155" s="23"/>
    </row>
    <row r="156" spans="2:11" x14ac:dyDescent="0.2">
      <c r="B156" s="22"/>
      <c r="C156" s="22"/>
      <c r="D156" s="22"/>
      <c r="E156" s="22"/>
      <c r="F156" s="23"/>
    </row>
    <row r="157" spans="2:11" x14ac:dyDescent="0.2">
      <c r="B157" s="22"/>
      <c r="C157" s="22"/>
      <c r="D157" s="22"/>
      <c r="E157" s="22"/>
      <c r="F157" s="23"/>
    </row>
    <row r="158" spans="2:11" x14ac:dyDescent="0.2">
      <c r="B158" s="22"/>
      <c r="C158" s="22"/>
      <c r="D158" s="22"/>
      <c r="E158" s="22"/>
      <c r="F158" s="23"/>
    </row>
    <row r="159" spans="2:11" x14ac:dyDescent="0.2">
      <c r="B159" s="22"/>
      <c r="C159" s="22"/>
      <c r="D159" s="22"/>
      <c r="E159" s="22"/>
      <c r="F159" s="23"/>
    </row>
    <row r="160" spans="2:11" x14ac:dyDescent="0.2">
      <c r="B160" s="22"/>
      <c r="C160" s="22"/>
      <c r="D160" s="22"/>
      <c r="E160" s="22"/>
      <c r="F160" s="23"/>
    </row>
    <row r="161" spans="2:6" x14ac:dyDescent="0.2">
      <c r="B161" s="22"/>
      <c r="C161" s="22"/>
      <c r="D161" s="22"/>
      <c r="E161" s="22"/>
      <c r="F161" s="23"/>
    </row>
    <row r="162" spans="2:6" x14ac:dyDescent="0.2">
      <c r="B162" s="22"/>
      <c r="C162" s="22"/>
      <c r="D162" s="22"/>
      <c r="E162" s="22"/>
      <c r="F162" s="23"/>
    </row>
    <row r="163" spans="2:6" x14ac:dyDescent="0.2">
      <c r="B163" s="22"/>
      <c r="C163" s="22"/>
      <c r="D163" s="22"/>
      <c r="E163" s="22"/>
      <c r="F163" s="23"/>
    </row>
    <row r="164" spans="2:6" x14ac:dyDescent="0.2">
      <c r="B164" s="22"/>
      <c r="C164" s="22"/>
      <c r="D164" s="22"/>
      <c r="E164" s="22"/>
      <c r="F164" s="23"/>
    </row>
    <row r="165" spans="2:6" x14ac:dyDescent="0.2">
      <c r="B165" s="22"/>
      <c r="C165" s="22"/>
      <c r="D165" s="22"/>
      <c r="E165" s="22"/>
      <c r="F165" s="23"/>
    </row>
    <row r="166" spans="2:6" x14ac:dyDescent="0.2">
      <c r="B166" s="22"/>
      <c r="C166" s="22"/>
      <c r="D166" s="22"/>
      <c r="E166" s="22"/>
      <c r="F166" s="23"/>
    </row>
    <row r="167" spans="2:6" x14ac:dyDescent="0.2">
      <c r="B167" s="22"/>
      <c r="C167" s="22"/>
      <c r="D167" s="22"/>
      <c r="E167" s="22"/>
      <c r="F167" s="23"/>
    </row>
    <row r="168" spans="2:6" x14ac:dyDescent="0.2">
      <c r="B168" s="22"/>
      <c r="C168" s="22"/>
      <c r="D168" s="22"/>
      <c r="E168" s="22"/>
      <c r="F168" s="23"/>
    </row>
    <row r="169" spans="2:6" x14ac:dyDescent="0.2">
      <c r="B169" s="22"/>
      <c r="C169" s="22"/>
      <c r="D169" s="22"/>
      <c r="E169" s="22"/>
      <c r="F169" s="23"/>
    </row>
    <row r="170" spans="2:6" x14ac:dyDescent="0.2">
      <c r="B170" s="22"/>
      <c r="C170" s="22"/>
      <c r="D170" s="22"/>
      <c r="E170" s="22"/>
      <c r="F170" s="23"/>
    </row>
    <row r="171" spans="2:6" x14ac:dyDescent="0.2">
      <c r="B171" s="22"/>
      <c r="C171" s="22"/>
      <c r="D171" s="22"/>
      <c r="E171" s="22"/>
      <c r="F171" s="23"/>
    </row>
    <row r="172" spans="2:6" x14ac:dyDescent="0.2">
      <c r="B172" s="22"/>
      <c r="C172" s="22"/>
      <c r="D172" s="22"/>
      <c r="E172" s="22"/>
      <c r="F172" s="23"/>
    </row>
    <row r="173" spans="2:6" x14ac:dyDescent="0.2">
      <c r="B173" s="22"/>
      <c r="C173" s="22"/>
      <c r="D173" s="22"/>
      <c r="E173" s="22"/>
      <c r="F173" s="23"/>
    </row>
    <row r="174" spans="2:6" x14ac:dyDescent="0.2">
      <c r="B174" s="22"/>
      <c r="C174" s="22"/>
      <c r="D174" s="22"/>
      <c r="E174" s="22"/>
      <c r="F174" s="23"/>
    </row>
    <row r="175" spans="2:6" x14ac:dyDescent="0.2">
      <c r="B175" s="22"/>
      <c r="C175" s="22"/>
      <c r="D175" s="22"/>
      <c r="E175" s="22"/>
      <c r="F175" s="23"/>
    </row>
    <row r="176" spans="2:6" x14ac:dyDescent="0.2">
      <c r="B176" s="22"/>
      <c r="C176" s="22"/>
      <c r="D176" s="22"/>
      <c r="E176" s="22"/>
      <c r="F176" s="23"/>
    </row>
    <row r="177" spans="2:6" x14ac:dyDescent="0.2">
      <c r="B177" s="22"/>
      <c r="C177" s="22"/>
      <c r="D177" s="22"/>
      <c r="E177" s="22"/>
      <c r="F177" s="23"/>
    </row>
    <row r="178" spans="2:6" x14ac:dyDescent="0.2">
      <c r="B178" s="22"/>
      <c r="C178" s="22"/>
      <c r="D178" s="22"/>
      <c r="E178" s="22"/>
      <c r="F178" s="23"/>
    </row>
    <row r="179" spans="2:6" x14ac:dyDescent="0.2">
      <c r="B179" s="22"/>
      <c r="C179" s="22"/>
      <c r="D179" s="22"/>
      <c r="E179" s="22"/>
      <c r="F179" s="23"/>
    </row>
    <row r="180" spans="2:6" x14ac:dyDescent="0.2">
      <c r="B180" s="22"/>
      <c r="C180" s="22"/>
      <c r="D180" s="22"/>
      <c r="E180" s="22"/>
      <c r="F180" s="23"/>
    </row>
    <row r="181" spans="2:6" x14ac:dyDescent="0.2">
      <c r="B181" s="22"/>
      <c r="C181" s="22"/>
      <c r="D181" s="22"/>
      <c r="E181" s="22"/>
      <c r="F181" s="23"/>
    </row>
  </sheetData>
  <phoneticPr fontId="0" type="noConversion"/>
  <conditionalFormatting sqref="D11">
    <cfRule type="duplicateValues" dxfId="839" priority="822" stopIfTrue="1"/>
  </conditionalFormatting>
  <conditionalFormatting sqref="D12">
    <cfRule type="duplicateValues" dxfId="838" priority="821" stopIfTrue="1"/>
  </conditionalFormatting>
  <conditionalFormatting sqref="D13">
    <cfRule type="duplicateValues" dxfId="837" priority="820" stopIfTrue="1"/>
  </conditionalFormatting>
  <conditionalFormatting sqref="D14">
    <cfRule type="duplicateValues" dxfId="836" priority="819" stopIfTrue="1"/>
  </conditionalFormatting>
  <conditionalFormatting sqref="D15">
    <cfRule type="duplicateValues" dxfId="835" priority="818" stopIfTrue="1"/>
  </conditionalFormatting>
  <conditionalFormatting sqref="D16">
    <cfRule type="duplicateValues" dxfId="834" priority="817" stopIfTrue="1"/>
  </conditionalFormatting>
  <conditionalFormatting sqref="D17">
    <cfRule type="duplicateValues" dxfId="833" priority="816" stopIfTrue="1"/>
  </conditionalFormatting>
  <conditionalFormatting sqref="D22">
    <cfRule type="duplicateValues" dxfId="832" priority="811" stopIfTrue="1"/>
  </conditionalFormatting>
  <conditionalFormatting sqref="H16">
    <cfRule type="duplicateValues" dxfId="831" priority="789" stopIfTrue="1"/>
  </conditionalFormatting>
  <conditionalFormatting sqref="L24">
    <cfRule type="duplicateValues" dxfId="830" priority="520" stopIfTrue="1"/>
  </conditionalFormatting>
  <conditionalFormatting sqref="L31">
    <cfRule type="duplicateValues" dxfId="829" priority="513" stopIfTrue="1"/>
  </conditionalFormatting>
  <conditionalFormatting sqref="L32">
    <cfRule type="duplicateValues" dxfId="828" priority="512" stopIfTrue="1"/>
  </conditionalFormatting>
  <conditionalFormatting sqref="L37">
    <cfRule type="duplicateValues" dxfId="827" priority="507" stopIfTrue="1"/>
  </conditionalFormatting>
  <conditionalFormatting sqref="P11">
    <cfRule type="duplicateValues" dxfId="826" priority="505" stopIfTrue="1"/>
  </conditionalFormatting>
  <conditionalFormatting sqref="P12">
    <cfRule type="duplicateValues" dxfId="825" priority="504" stopIfTrue="1"/>
  </conditionalFormatting>
  <conditionalFormatting sqref="P13">
    <cfRule type="duplicateValues" dxfId="824" priority="502" stopIfTrue="1"/>
  </conditionalFormatting>
  <conditionalFormatting sqref="P21">
    <cfRule type="duplicateValues" dxfId="823" priority="495" stopIfTrue="1"/>
  </conditionalFormatting>
  <conditionalFormatting sqref="P22">
    <cfRule type="duplicateValues" dxfId="822" priority="494" stopIfTrue="1"/>
  </conditionalFormatting>
  <conditionalFormatting sqref="P23">
    <cfRule type="duplicateValues" dxfId="821" priority="493" stopIfTrue="1"/>
  </conditionalFormatting>
  <conditionalFormatting sqref="P25">
    <cfRule type="duplicateValues" dxfId="820" priority="491" stopIfTrue="1"/>
  </conditionalFormatting>
  <conditionalFormatting sqref="P28">
    <cfRule type="duplicateValues" dxfId="819" priority="488" stopIfTrue="1"/>
  </conditionalFormatting>
  <conditionalFormatting sqref="P29">
    <cfRule type="duplicateValues" dxfId="818" priority="487" stopIfTrue="1"/>
  </conditionalFormatting>
  <conditionalFormatting sqref="P30">
    <cfRule type="duplicateValues" dxfId="817" priority="486" stopIfTrue="1"/>
  </conditionalFormatting>
  <conditionalFormatting sqref="P31">
    <cfRule type="duplicateValues" dxfId="816" priority="485" stopIfTrue="1"/>
  </conditionalFormatting>
  <conditionalFormatting sqref="P35">
    <cfRule type="duplicateValues" dxfId="815" priority="481" stopIfTrue="1"/>
  </conditionalFormatting>
  <conditionalFormatting sqref="P37">
    <cfRule type="duplicateValues" dxfId="814" priority="479" stopIfTrue="1"/>
  </conditionalFormatting>
  <conditionalFormatting sqref="T10">
    <cfRule type="duplicateValues" dxfId="813" priority="478" stopIfTrue="1"/>
  </conditionalFormatting>
  <conditionalFormatting sqref="T11">
    <cfRule type="duplicateValues" dxfId="812" priority="477" stopIfTrue="1"/>
  </conditionalFormatting>
  <conditionalFormatting sqref="T12">
    <cfRule type="duplicateValues" dxfId="811" priority="476" stopIfTrue="1"/>
  </conditionalFormatting>
  <conditionalFormatting sqref="T15">
    <cfRule type="duplicateValues" dxfId="810" priority="475" stopIfTrue="1"/>
  </conditionalFormatting>
  <conditionalFormatting sqref="T13">
    <cfRule type="duplicateValues" dxfId="809" priority="474" stopIfTrue="1"/>
  </conditionalFormatting>
  <conditionalFormatting sqref="T14">
    <cfRule type="duplicateValues" dxfId="808" priority="473" stopIfTrue="1"/>
  </conditionalFormatting>
  <conditionalFormatting sqref="T16">
    <cfRule type="duplicateValues" dxfId="807" priority="472" stopIfTrue="1"/>
  </conditionalFormatting>
  <conditionalFormatting sqref="T17">
    <cfRule type="duplicateValues" dxfId="806" priority="471" stopIfTrue="1"/>
  </conditionalFormatting>
  <conditionalFormatting sqref="T18">
    <cfRule type="duplicateValues" dxfId="805" priority="470" stopIfTrue="1"/>
  </conditionalFormatting>
  <conditionalFormatting sqref="T19">
    <cfRule type="duplicateValues" dxfId="804" priority="469" stopIfTrue="1"/>
  </conditionalFormatting>
  <conditionalFormatting sqref="T20">
    <cfRule type="duplicateValues" dxfId="803" priority="468" stopIfTrue="1"/>
  </conditionalFormatting>
  <conditionalFormatting sqref="T21">
    <cfRule type="duplicateValues" dxfId="802" priority="467" stopIfTrue="1"/>
  </conditionalFormatting>
  <conditionalFormatting sqref="T22">
    <cfRule type="duplicateValues" dxfId="801" priority="466" stopIfTrue="1"/>
  </conditionalFormatting>
  <conditionalFormatting sqref="T23">
    <cfRule type="duplicateValues" dxfId="800" priority="465" stopIfTrue="1"/>
  </conditionalFormatting>
  <conditionalFormatting sqref="T24">
    <cfRule type="duplicateValues" dxfId="799" priority="464" stopIfTrue="1"/>
  </conditionalFormatting>
  <conditionalFormatting sqref="T25">
    <cfRule type="duplicateValues" dxfId="798" priority="463" stopIfTrue="1"/>
  </conditionalFormatting>
  <conditionalFormatting sqref="T26">
    <cfRule type="duplicateValues" dxfId="797" priority="462" stopIfTrue="1"/>
  </conditionalFormatting>
  <conditionalFormatting sqref="T27">
    <cfRule type="duplicateValues" dxfId="796" priority="461" stopIfTrue="1"/>
  </conditionalFormatting>
  <conditionalFormatting sqref="T28">
    <cfRule type="duplicateValues" dxfId="795" priority="460" stopIfTrue="1"/>
  </conditionalFormatting>
  <conditionalFormatting sqref="T29">
    <cfRule type="duplicateValues" dxfId="794" priority="459" stopIfTrue="1"/>
  </conditionalFormatting>
  <conditionalFormatting sqref="T30">
    <cfRule type="duplicateValues" dxfId="793" priority="458" stopIfTrue="1"/>
  </conditionalFormatting>
  <conditionalFormatting sqref="T31">
    <cfRule type="duplicateValues" dxfId="792" priority="457" stopIfTrue="1"/>
  </conditionalFormatting>
  <conditionalFormatting sqref="T32">
    <cfRule type="duplicateValues" dxfId="791" priority="456" stopIfTrue="1"/>
  </conditionalFormatting>
  <conditionalFormatting sqref="T33">
    <cfRule type="duplicateValues" dxfId="790" priority="455" stopIfTrue="1"/>
  </conditionalFormatting>
  <conditionalFormatting sqref="T34">
    <cfRule type="duplicateValues" dxfId="789" priority="454" stopIfTrue="1"/>
  </conditionalFormatting>
  <conditionalFormatting sqref="T35">
    <cfRule type="duplicateValues" dxfId="788" priority="453" stopIfTrue="1"/>
  </conditionalFormatting>
  <conditionalFormatting sqref="T36">
    <cfRule type="duplicateValues" dxfId="787" priority="452" stopIfTrue="1"/>
  </conditionalFormatting>
  <conditionalFormatting sqref="T37">
    <cfRule type="duplicateValues" dxfId="786" priority="451" stopIfTrue="1"/>
  </conditionalFormatting>
  <conditionalFormatting sqref="D42">
    <cfRule type="duplicateValues" dxfId="785" priority="450" stopIfTrue="1"/>
  </conditionalFormatting>
  <conditionalFormatting sqref="D43">
    <cfRule type="duplicateValues" dxfId="784" priority="449" stopIfTrue="1"/>
  </conditionalFormatting>
  <conditionalFormatting sqref="D44">
    <cfRule type="duplicateValues" dxfId="783" priority="448" stopIfTrue="1"/>
  </conditionalFormatting>
  <conditionalFormatting sqref="D47">
    <cfRule type="duplicateValues" dxfId="782" priority="447" stopIfTrue="1"/>
  </conditionalFormatting>
  <conditionalFormatting sqref="D45">
    <cfRule type="duplicateValues" dxfId="781" priority="446" stopIfTrue="1"/>
  </conditionalFormatting>
  <conditionalFormatting sqref="D46">
    <cfRule type="duplicateValues" dxfId="780" priority="445" stopIfTrue="1"/>
  </conditionalFormatting>
  <conditionalFormatting sqref="D48">
    <cfRule type="duplicateValues" dxfId="779" priority="444" stopIfTrue="1"/>
  </conditionalFormatting>
  <conditionalFormatting sqref="D49">
    <cfRule type="duplicateValues" dxfId="778" priority="443" stopIfTrue="1"/>
  </conditionalFormatting>
  <conditionalFormatting sqref="D50">
    <cfRule type="duplicateValues" dxfId="777" priority="442" stopIfTrue="1"/>
  </conditionalFormatting>
  <conditionalFormatting sqref="D51">
    <cfRule type="duplicateValues" dxfId="776" priority="441" stopIfTrue="1"/>
  </conditionalFormatting>
  <conditionalFormatting sqref="D52">
    <cfRule type="duplicateValues" dxfId="775" priority="440" stopIfTrue="1"/>
  </conditionalFormatting>
  <conditionalFormatting sqref="D53">
    <cfRule type="duplicateValues" dxfId="774" priority="439" stopIfTrue="1"/>
  </conditionalFormatting>
  <conditionalFormatting sqref="D54">
    <cfRule type="duplicateValues" dxfId="773" priority="438" stopIfTrue="1"/>
  </conditionalFormatting>
  <conditionalFormatting sqref="D55">
    <cfRule type="duplicateValues" dxfId="772" priority="437" stopIfTrue="1"/>
  </conditionalFormatting>
  <conditionalFormatting sqref="D56">
    <cfRule type="duplicateValues" dxfId="771" priority="436" stopIfTrue="1"/>
  </conditionalFormatting>
  <conditionalFormatting sqref="D57">
    <cfRule type="duplicateValues" dxfId="770" priority="435" stopIfTrue="1"/>
  </conditionalFormatting>
  <conditionalFormatting sqref="D58">
    <cfRule type="duplicateValues" dxfId="769" priority="434" stopIfTrue="1"/>
  </conditionalFormatting>
  <conditionalFormatting sqref="D59">
    <cfRule type="duplicateValues" dxfId="768" priority="433" stopIfTrue="1"/>
  </conditionalFormatting>
  <conditionalFormatting sqref="D60">
    <cfRule type="duplicateValues" dxfId="767" priority="432" stopIfTrue="1"/>
  </conditionalFormatting>
  <conditionalFormatting sqref="D61">
    <cfRule type="duplicateValues" dxfId="766" priority="431" stopIfTrue="1"/>
  </conditionalFormatting>
  <conditionalFormatting sqref="D62">
    <cfRule type="duplicateValues" dxfId="765" priority="430" stopIfTrue="1"/>
  </conditionalFormatting>
  <conditionalFormatting sqref="D63">
    <cfRule type="duplicateValues" dxfId="764" priority="429" stopIfTrue="1"/>
  </conditionalFormatting>
  <conditionalFormatting sqref="D64">
    <cfRule type="duplicateValues" dxfId="763" priority="428" stopIfTrue="1"/>
  </conditionalFormatting>
  <conditionalFormatting sqref="D65">
    <cfRule type="duplicateValues" dxfId="762" priority="427" stopIfTrue="1"/>
  </conditionalFormatting>
  <conditionalFormatting sqref="D66">
    <cfRule type="duplicateValues" dxfId="761" priority="426" stopIfTrue="1"/>
  </conditionalFormatting>
  <conditionalFormatting sqref="D67">
    <cfRule type="duplicateValues" dxfId="760" priority="425" stopIfTrue="1"/>
  </conditionalFormatting>
  <conditionalFormatting sqref="D68">
    <cfRule type="duplicateValues" dxfId="759" priority="424" stopIfTrue="1"/>
  </conditionalFormatting>
  <conditionalFormatting sqref="D69">
    <cfRule type="duplicateValues" dxfId="758" priority="423" stopIfTrue="1"/>
  </conditionalFormatting>
  <conditionalFormatting sqref="H42">
    <cfRule type="duplicateValues" dxfId="757" priority="422" stopIfTrue="1"/>
  </conditionalFormatting>
  <conditionalFormatting sqref="H43">
    <cfRule type="duplicateValues" dxfId="756" priority="421" stopIfTrue="1"/>
  </conditionalFormatting>
  <conditionalFormatting sqref="H44">
    <cfRule type="duplicateValues" dxfId="755" priority="420" stopIfTrue="1"/>
  </conditionalFormatting>
  <conditionalFormatting sqref="H47">
    <cfRule type="duplicateValues" dxfId="754" priority="419" stopIfTrue="1"/>
  </conditionalFormatting>
  <conditionalFormatting sqref="H45">
    <cfRule type="duplicateValues" dxfId="753" priority="418" stopIfTrue="1"/>
  </conditionalFormatting>
  <conditionalFormatting sqref="H46">
    <cfRule type="duplicateValues" dxfId="752" priority="417" stopIfTrue="1"/>
  </conditionalFormatting>
  <conditionalFormatting sqref="H48">
    <cfRule type="duplicateValues" dxfId="751" priority="416" stopIfTrue="1"/>
  </conditionalFormatting>
  <conditionalFormatting sqref="H49">
    <cfRule type="duplicateValues" dxfId="750" priority="415" stopIfTrue="1"/>
  </conditionalFormatting>
  <conditionalFormatting sqref="H50">
    <cfRule type="duplicateValues" dxfId="749" priority="414" stopIfTrue="1"/>
  </conditionalFormatting>
  <conditionalFormatting sqref="H51">
    <cfRule type="duplicateValues" dxfId="748" priority="413" stopIfTrue="1"/>
  </conditionalFormatting>
  <conditionalFormatting sqref="H52">
    <cfRule type="duplicateValues" dxfId="747" priority="412" stopIfTrue="1"/>
  </conditionalFormatting>
  <conditionalFormatting sqref="H53">
    <cfRule type="duplicateValues" dxfId="746" priority="411" stopIfTrue="1"/>
  </conditionalFormatting>
  <conditionalFormatting sqref="H55">
    <cfRule type="duplicateValues" dxfId="745" priority="409" stopIfTrue="1"/>
  </conditionalFormatting>
  <conditionalFormatting sqref="H56">
    <cfRule type="duplicateValues" dxfId="744" priority="408" stopIfTrue="1"/>
  </conditionalFormatting>
  <conditionalFormatting sqref="H57">
    <cfRule type="duplicateValues" dxfId="743" priority="407" stopIfTrue="1"/>
  </conditionalFormatting>
  <conditionalFormatting sqref="H58">
    <cfRule type="duplicateValues" dxfId="742" priority="406" stopIfTrue="1"/>
  </conditionalFormatting>
  <conditionalFormatting sqref="H59">
    <cfRule type="duplicateValues" dxfId="741" priority="405" stopIfTrue="1"/>
  </conditionalFormatting>
  <conditionalFormatting sqref="H60">
    <cfRule type="duplicateValues" dxfId="740" priority="404" stopIfTrue="1"/>
  </conditionalFormatting>
  <conditionalFormatting sqref="H61">
    <cfRule type="duplicateValues" dxfId="739" priority="403" stopIfTrue="1"/>
  </conditionalFormatting>
  <conditionalFormatting sqref="H62">
    <cfRule type="duplicateValues" dxfId="738" priority="402" stopIfTrue="1"/>
  </conditionalFormatting>
  <conditionalFormatting sqref="H63">
    <cfRule type="duplicateValues" dxfId="737" priority="401" stopIfTrue="1"/>
  </conditionalFormatting>
  <conditionalFormatting sqref="H64">
    <cfRule type="duplicateValues" dxfId="736" priority="400" stopIfTrue="1"/>
  </conditionalFormatting>
  <conditionalFormatting sqref="H65">
    <cfRule type="duplicateValues" dxfId="735" priority="399" stopIfTrue="1"/>
  </conditionalFormatting>
  <conditionalFormatting sqref="H66">
    <cfRule type="duplicateValues" dxfId="734" priority="398" stopIfTrue="1"/>
  </conditionalFormatting>
  <conditionalFormatting sqref="H67">
    <cfRule type="duplicateValues" dxfId="733" priority="397" stopIfTrue="1"/>
  </conditionalFormatting>
  <conditionalFormatting sqref="H68">
    <cfRule type="duplicateValues" dxfId="732" priority="396" stopIfTrue="1"/>
  </conditionalFormatting>
  <conditionalFormatting sqref="H69">
    <cfRule type="duplicateValues" dxfId="731" priority="395" stopIfTrue="1"/>
  </conditionalFormatting>
  <conditionalFormatting sqref="D132:D152">
    <cfRule type="duplicateValues" dxfId="730" priority="310" stopIfTrue="1"/>
  </conditionalFormatting>
  <conditionalFormatting sqref="H54">
    <cfRule type="duplicateValues" dxfId="729" priority="309" stopIfTrue="1"/>
  </conditionalFormatting>
  <conditionalFormatting sqref="L44">
    <cfRule type="duplicateValues" dxfId="728" priority="307" stopIfTrue="1"/>
    <cfRule type="duplicateValues" dxfId="727" priority="308" stopIfTrue="1"/>
  </conditionalFormatting>
  <conditionalFormatting sqref="L44">
    <cfRule type="duplicateValues" dxfId="726" priority="306" stopIfTrue="1"/>
  </conditionalFormatting>
  <conditionalFormatting sqref="L43">
    <cfRule type="duplicateValues" dxfId="725" priority="304" stopIfTrue="1"/>
    <cfRule type="duplicateValues" dxfId="724" priority="305" stopIfTrue="1"/>
  </conditionalFormatting>
  <conditionalFormatting sqref="L43">
    <cfRule type="duplicateValues" dxfId="723" priority="303" stopIfTrue="1"/>
  </conditionalFormatting>
  <conditionalFormatting sqref="L45">
    <cfRule type="duplicateValues" dxfId="722" priority="301" stopIfTrue="1"/>
    <cfRule type="duplicateValues" dxfId="721" priority="302" stopIfTrue="1"/>
  </conditionalFormatting>
  <conditionalFormatting sqref="L45">
    <cfRule type="duplicateValues" dxfId="720" priority="300" stopIfTrue="1"/>
  </conditionalFormatting>
  <conditionalFormatting sqref="L46">
    <cfRule type="duplicateValues" dxfId="719" priority="298" stopIfTrue="1"/>
    <cfRule type="duplicateValues" dxfId="718" priority="299" stopIfTrue="1"/>
  </conditionalFormatting>
  <conditionalFormatting sqref="L46">
    <cfRule type="duplicateValues" dxfId="717" priority="297" stopIfTrue="1"/>
  </conditionalFormatting>
  <conditionalFormatting sqref="L47">
    <cfRule type="duplicateValues" dxfId="716" priority="295" stopIfTrue="1"/>
    <cfRule type="duplicateValues" dxfId="715" priority="296" stopIfTrue="1"/>
  </conditionalFormatting>
  <conditionalFormatting sqref="L47">
    <cfRule type="duplicateValues" dxfId="714" priority="294" stopIfTrue="1"/>
  </conditionalFormatting>
  <conditionalFormatting sqref="L48">
    <cfRule type="duplicateValues" dxfId="713" priority="292" stopIfTrue="1"/>
    <cfRule type="duplicateValues" dxfId="712" priority="293" stopIfTrue="1"/>
  </conditionalFormatting>
  <conditionalFormatting sqref="L48">
    <cfRule type="duplicateValues" dxfId="711" priority="291" stopIfTrue="1"/>
  </conditionalFormatting>
  <conditionalFormatting sqref="L49">
    <cfRule type="duplicateValues" dxfId="710" priority="289" stopIfTrue="1"/>
    <cfRule type="duplicateValues" dxfId="709" priority="290" stopIfTrue="1"/>
  </conditionalFormatting>
  <conditionalFormatting sqref="L49">
    <cfRule type="duplicateValues" dxfId="708" priority="288" stopIfTrue="1"/>
  </conditionalFormatting>
  <conditionalFormatting sqref="L50">
    <cfRule type="duplicateValues" dxfId="707" priority="286" stopIfTrue="1"/>
    <cfRule type="duplicateValues" dxfId="706" priority="287" stopIfTrue="1"/>
  </conditionalFormatting>
  <conditionalFormatting sqref="L50">
    <cfRule type="duplicateValues" dxfId="705" priority="285" stopIfTrue="1"/>
  </conditionalFormatting>
  <conditionalFormatting sqref="L54">
    <cfRule type="duplicateValues" dxfId="704" priority="277" stopIfTrue="1"/>
    <cfRule type="duplicateValues" dxfId="703" priority="278" stopIfTrue="1"/>
  </conditionalFormatting>
  <conditionalFormatting sqref="L54">
    <cfRule type="duplicateValues" dxfId="702" priority="276" stopIfTrue="1"/>
  </conditionalFormatting>
  <conditionalFormatting sqref="L53">
    <cfRule type="duplicateValues" dxfId="701" priority="274" stopIfTrue="1"/>
    <cfRule type="duplicateValues" dxfId="700" priority="275" stopIfTrue="1"/>
  </conditionalFormatting>
  <conditionalFormatting sqref="L53">
    <cfRule type="duplicateValues" dxfId="699" priority="273" stopIfTrue="1"/>
  </conditionalFormatting>
  <conditionalFormatting sqref="L52">
    <cfRule type="duplicateValues" dxfId="698" priority="271" stopIfTrue="1"/>
    <cfRule type="duplicateValues" dxfId="697" priority="272" stopIfTrue="1"/>
  </conditionalFormatting>
  <conditionalFormatting sqref="L52">
    <cfRule type="duplicateValues" dxfId="696" priority="270" stopIfTrue="1"/>
  </conditionalFormatting>
  <conditionalFormatting sqref="L55">
    <cfRule type="duplicateValues" dxfId="695" priority="268" stopIfTrue="1"/>
    <cfRule type="duplicateValues" dxfId="694" priority="269" stopIfTrue="1"/>
  </conditionalFormatting>
  <conditionalFormatting sqref="L55">
    <cfRule type="duplicateValues" dxfId="693" priority="267" stopIfTrue="1"/>
  </conditionalFormatting>
  <conditionalFormatting sqref="L56">
    <cfRule type="duplicateValues" dxfId="692" priority="265" stopIfTrue="1"/>
    <cfRule type="duplicateValues" dxfId="691" priority="266" stopIfTrue="1"/>
  </conditionalFormatting>
  <conditionalFormatting sqref="L56">
    <cfRule type="duplicateValues" dxfId="690" priority="264" stopIfTrue="1"/>
  </conditionalFormatting>
  <conditionalFormatting sqref="L57">
    <cfRule type="duplicateValues" dxfId="689" priority="262" stopIfTrue="1"/>
    <cfRule type="duplicateValues" dxfId="688" priority="263" stopIfTrue="1"/>
  </conditionalFormatting>
  <conditionalFormatting sqref="L57">
    <cfRule type="duplicateValues" dxfId="687" priority="261" stopIfTrue="1"/>
  </conditionalFormatting>
  <conditionalFormatting sqref="L58">
    <cfRule type="duplicateValues" dxfId="686" priority="259" stopIfTrue="1"/>
    <cfRule type="duplicateValues" dxfId="685" priority="260" stopIfTrue="1"/>
  </conditionalFormatting>
  <conditionalFormatting sqref="L58">
    <cfRule type="duplicateValues" dxfId="684" priority="258" stopIfTrue="1"/>
  </conditionalFormatting>
  <conditionalFormatting sqref="L59">
    <cfRule type="duplicateValues" dxfId="683" priority="256" stopIfTrue="1"/>
    <cfRule type="duplicateValues" dxfId="682" priority="257" stopIfTrue="1"/>
  </conditionalFormatting>
  <conditionalFormatting sqref="L59">
    <cfRule type="duplicateValues" dxfId="681" priority="255" stopIfTrue="1"/>
  </conditionalFormatting>
  <conditionalFormatting sqref="L60">
    <cfRule type="duplicateValues" dxfId="680" priority="253" stopIfTrue="1"/>
    <cfRule type="duplicateValues" dxfId="679" priority="254" stopIfTrue="1"/>
  </conditionalFormatting>
  <conditionalFormatting sqref="L60">
    <cfRule type="duplicateValues" dxfId="678" priority="252" stopIfTrue="1"/>
  </conditionalFormatting>
  <conditionalFormatting sqref="L61">
    <cfRule type="duplicateValues" dxfId="677" priority="250" stopIfTrue="1"/>
    <cfRule type="duplicateValues" dxfId="676" priority="251" stopIfTrue="1"/>
  </conditionalFormatting>
  <conditionalFormatting sqref="L61">
    <cfRule type="duplicateValues" dxfId="675" priority="249" stopIfTrue="1"/>
  </conditionalFormatting>
  <conditionalFormatting sqref="L62">
    <cfRule type="duplicateValues" dxfId="674" priority="247" stopIfTrue="1"/>
    <cfRule type="duplicateValues" dxfId="673" priority="248" stopIfTrue="1"/>
  </conditionalFormatting>
  <conditionalFormatting sqref="L62">
    <cfRule type="duplicateValues" dxfId="672" priority="246" stopIfTrue="1"/>
  </conditionalFormatting>
  <conditionalFormatting sqref="L63">
    <cfRule type="duplicateValues" dxfId="671" priority="244" stopIfTrue="1"/>
    <cfRule type="duplicateValues" dxfId="670" priority="245" stopIfTrue="1"/>
  </conditionalFormatting>
  <conditionalFormatting sqref="L63">
    <cfRule type="duplicateValues" dxfId="669" priority="243" stopIfTrue="1"/>
  </conditionalFormatting>
  <conditionalFormatting sqref="L65">
    <cfRule type="duplicateValues" dxfId="668" priority="241" stopIfTrue="1"/>
    <cfRule type="duplicateValues" dxfId="667" priority="242" stopIfTrue="1"/>
  </conditionalFormatting>
  <conditionalFormatting sqref="L65">
    <cfRule type="duplicateValues" dxfId="666" priority="240" stopIfTrue="1"/>
  </conditionalFormatting>
  <conditionalFormatting sqref="L66">
    <cfRule type="duplicateValues" dxfId="665" priority="238" stopIfTrue="1"/>
    <cfRule type="duplicateValues" dxfId="664" priority="239" stopIfTrue="1"/>
  </conditionalFormatting>
  <conditionalFormatting sqref="L66">
    <cfRule type="duplicateValues" dxfId="663" priority="237" stopIfTrue="1"/>
  </conditionalFormatting>
  <conditionalFormatting sqref="L67">
    <cfRule type="duplicateValues" dxfId="662" priority="235" stopIfTrue="1"/>
    <cfRule type="duplicateValues" dxfId="661" priority="236" stopIfTrue="1"/>
  </conditionalFormatting>
  <conditionalFormatting sqref="L67">
    <cfRule type="duplicateValues" dxfId="660" priority="234" stopIfTrue="1"/>
  </conditionalFormatting>
  <conditionalFormatting sqref="L68">
    <cfRule type="duplicateValues" dxfId="659" priority="232" stopIfTrue="1"/>
    <cfRule type="duplicateValues" dxfId="658" priority="233" stopIfTrue="1"/>
  </conditionalFormatting>
  <conditionalFormatting sqref="L68">
    <cfRule type="duplicateValues" dxfId="657" priority="231" stopIfTrue="1"/>
  </conditionalFormatting>
  <conditionalFormatting sqref="L69">
    <cfRule type="duplicateValues" dxfId="656" priority="229" stopIfTrue="1"/>
    <cfRule type="duplicateValues" dxfId="655" priority="230" stopIfTrue="1"/>
  </conditionalFormatting>
  <conditionalFormatting sqref="L69">
    <cfRule type="duplicateValues" dxfId="654" priority="228" stopIfTrue="1"/>
  </conditionalFormatting>
  <conditionalFormatting sqref="L64">
    <cfRule type="duplicateValues" dxfId="653" priority="226" stopIfTrue="1"/>
    <cfRule type="duplicateValues" dxfId="652" priority="227" stopIfTrue="1"/>
  </conditionalFormatting>
  <conditionalFormatting sqref="L64">
    <cfRule type="duplicateValues" dxfId="651" priority="225" stopIfTrue="1"/>
  </conditionalFormatting>
  <conditionalFormatting sqref="L51">
    <cfRule type="duplicateValues" dxfId="650" priority="223" stopIfTrue="1"/>
    <cfRule type="duplicateValues" dxfId="649" priority="224" stopIfTrue="1"/>
  </conditionalFormatting>
  <conditionalFormatting sqref="L51">
    <cfRule type="duplicateValues" dxfId="648" priority="222" stopIfTrue="1"/>
  </conditionalFormatting>
  <conditionalFormatting sqref="P54">
    <cfRule type="duplicateValues" dxfId="647" priority="220" stopIfTrue="1"/>
    <cfRule type="duplicateValues" dxfId="646" priority="221" stopIfTrue="1"/>
  </conditionalFormatting>
  <conditionalFormatting sqref="P54">
    <cfRule type="duplicateValues" dxfId="645" priority="219" stopIfTrue="1"/>
  </conditionalFormatting>
  <conditionalFormatting sqref="P53">
    <cfRule type="duplicateValues" dxfId="644" priority="217" stopIfTrue="1"/>
    <cfRule type="duplicateValues" dxfId="643" priority="218" stopIfTrue="1"/>
  </conditionalFormatting>
  <conditionalFormatting sqref="P53">
    <cfRule type="duplicateValues" dxfId="642" priority="216" stopIfTrue="1"/>
  </conditionalFormatting>
  <conditionalFormatting sqref="P42">
    <cfRule type="duplicateValues" dxfId="641" priority="214" stopIfTrue="1"/>
    <cfRule type="duplicateValues" dxfId="640" priority="215" stopIfTrue="1"/>
  </conditionalFormatting>
  <conditionalFormatting sqref="P42">
    <cfRule type="duplicateValues" dxfId="639" priority="213" stopIfTrue="1"/>
  </conditionalFormatting>
  <conditionalFormatting sqref="P43">
    <cfRule type="duplicateValues" dxfId="638" priority="211" stopIfTrue="1"/>
    <cfRule type="duplicateValues" dxfId="637" priority="212" stopIfTrue="1"/>
  </conditionalFormatting>
  <conditionalFormatting sqref="P43">
    <cfRule type="duplicateValues" dxfId="636" priority="210" stopIfTrue="1"/>
  </conditionalFormatting>
  <conditionalFormatting sqref="P44">
    <cfRule type="duplicateValues" dxfId="635" priority="208" stopIfTrue="1"/>
    <cfRule type="duplicateValues" dxfId="634" priority="209" stopIfTrue="1"/>
  </conditionalFormatting>
  <conditionalFormatting sqref="P44">
    <cfRule type="duplicateValues" dxfId="633" priority="207" stopIfTrue="1"/>
  </conditionalFormatting>
  <conditionalFormatting sqref="P45">
    <cfRule type="duplicateValues" dxfId="632" priority="205" stopIfTrue="1"/>
    <cfRule type="duplicateValues" dxfId="631" priority="206" stopIfTrue="1"/>
  </conditionalFormatting>
  <conditionalFormatting sqref="P45">
    <cfRule type="duplicateValues" dxfId="630" priority="204" stopIfTrue="1"/>
  </conditionalFormatting>
  <conditionalFormatting sqref="P46">
    <cfRule type="duplicateValues" dxfId="629" priority="202" stopIfTrue="1"/>
    <cfRule type="duplicateValues" dxfId="628" priority="203" stopIfTrue="1"/>
  </conditionalFormatting>
  <conditionalFormatting sqref="P46">
    <cfRule type="duplicateValues" dxfId="627" priority="201" stopIfTrue="1"/>
  </conditionalFormatting>
  <conditionalFormatting sqref="P47">
    <cfRule type="duplicateValues" dxfId="626" priority="199" stopIfTrue="1"/>
    <cfRule type="duplicateValues" dxfId="625" priority="200" stopIfTrue="1"/>
  </conditionalFormatting>
  <conditionalFormatting sqref="P47">
    <cfRule type="duplicateValues" dxfId="624" priority="198" stopIfTrue="1"/>
  </conditionalFormatting>
  <conditionalFormatting sqref="P48">
    <cfRule type="duplicateValues" dxfId="623" priority="196" stopIfTrue="1"/>
    <cfRule type="duplicateValues" dxfId="622" priority="197" stopIfTrue="1"/>
  </conditionalFormatting>
  <conditionalFormatting sqref="P48">
    <cfRule type="duplicateValues" dxfId="621" priority="195" stopIfTrue="1"/>
  </conditionalFormatting>
  <conditionalFormatting sqref="P49">
    <cfRule type="duplicateValues" dxfId="620" priority="193" stopIfTrue="1"/>
    <cfRule type="duplicateValues" dxfId="619" priority="194" stopIfTrue="1"/>
  </conditionalFormatting>
  <conditionalFormatting sqref="P49">
    <cfRule type="duplicateValues" dxfId="618" priority="192" stopIfTrue="1"/>
  </conditionalFormatting>
  <conditionalFormatting sqref="P51">
    <cfRule type="duplicateValues" dxfId="617" priority="190" stopIfTrue="1"/>
    <cfRule type="duplicateValues" dxfId="616" priority="191" stopIfTrue="1"/>
  </conditionalFormatting>
  <conditionalFormatting sqref="P51">
    <cfRule type="duplicateValues" dxfId="615" priority="189" stopIfTrue="1"/>
  </conditionalFormatting>
  <conditionalFormatting sqref="P50">
    <cfRule type="duplicateValues" dxfId="614" priority="187" stopIfTrue="1"/>
    <cfRule type="duplicateValues" dxfId="613" priority="188" stopIfTrue="1"/>
  </conditionalFormatting>
  <conditionalFormatting sqref="P50">
    <cfRule type="duplicateValues" dxfId="612" priority="186" stopIfTrue="1"/>
  </conditionalFormatting>
  <conditionalFormatting sqref="P52">
    <cfRule type="duplicateValues" dxfId="611" priority="184" stopIfTrue="1"/>
    <cfRule type="duplicateValues" dxfId="610" priority="185" stopIfTrue="1"/>
  </conditionalFormatting>
  <conditionalFormatting sqref="P52">
    <cfRule type="duplicateValues" dxfId="609" priority="183" stopIfTrue="1"/>
  </conditionalFormatting>
  <conditionalFormatting sqref="P55">
    <cfRule type="duplicateValues" dxfId="608" priority="181" stopIfTrue="1"/>
    <cfRule type="duplicateValues" dxfId="607" priority="182" stopIfTrue="1"/>
  </conditionalFormatting>
  <conditionalFormatting sqref="P55">
    <cfRule type="duplicateValues" dxfId="606" priority="180" stopIfTrue="1"/>
  </conditionalFormatting>
  <conditionalFormatting sqref="P56">
    <cfRule type="duplicateValues" dxfId="605" priority="178" stopIfTrue="1"/>
    <cfRule type="duplicateValues" dxfId="604" priority="179" stopIfTrue="1"/>
  </conditionalFormatting>
  <conditionalFormatting sqref="P56">
    <cfRule type="duplicateValues" dxfId="603" priority="177" stopIfTrue="1"/>
  </conditionalFormatting>
  <conditionalFormatting sqref="P59">
    <cfRule type="duplicateValues" dxfId="602" priority="175" stopIfTrue="1"/>
    <cfRule type="duplicateValues" dxfId="601" priority="176" stopIfTrue="1"/>
  </conditionalFormatting>
  <conditionalFormatting sqref="P59">
    <cfRule type="duplicateValues" dxfId="600" priority="174" stopIfTrue="1"/>
  </conditionalFormatting>
  <conditionalFormatting sqref="P57">
    <cfRule type="duplicateValues" dxfId="599" priority="172" stopIfTrue="1"/>
    <cfRule type="duplicateValues" dxfId="598" priority="173" stopIfTrue="1"/>
  </conditionalFormatting>
  <conditionalFormatting sqref="P57">
    <cfRule type="duplicateValues" dxfId="597" priority="171" stopIfTrue="1"/>
  </conditionalFormatting>
  <conditionalFormatting sqref="P58">
    <cfRule type="duplicateValues" dxfId="596" priority="169" stopIfTrue="1"/>
    <cfRule type="duplicateValues" dxfId="595" priority="170" stopIfTrue="1"/>
  </conditionalFormatting>
  <conditionalFormatting sqref="P58">
    <cfRule type="duplicateValues" dxfId="594" priority="168" stopIfTrue="1"/>
  </conditionalFormatting>
  <conditionalFormatting sqref="P60">
    <cfRule type="duplicateValues" dxfId="593" priority="166" stopIfTrue="1"/>
    <cfRule type="duplicateValues" dxfId="592" priority="167" stopIfTrue="1"/>
  </conditionalFormatting>
  <conditionalFormatting sqref="P60">
    <cfRule type="duplicateValues" dxfId="591" priority="165" stopIfTrue="1"/>
  </conditionalFormatting>
  <conditionalFormatting sqref="P61">
    <cfRule type="duplicateValues" dxfId="590" priority="163" stopIfTrue="1"/>
    <cfRule type="duplicateValues" dxfId="589" priority="164" stopIfTrue="1"/>
  </conditionalFormatting>
  <conditionalFormatting sqref="P61">
    <cfRule type="duplicateValues" dxfId="588" priority="162" stopIfTrue="1"/>
  </conditionalFormatting>
  <conditionalFormatting sqref="P63">
    <cfRule type="duplicateValues" dxfId="587" priority="160" stopIfTrue="1"/>
    <cfRule type="duplicateValues" dxfId="586" priority="161" stopIfTrue="1"/>
  </conditionalFormatting>
  <conditionalFormatting sqref="P63">
    <cfRule type="duplicateValues" dxfId="585" priority="159" stopIfTrue="1"/>
  </conditionalFormatting>
  <conditionalFormatting sqref="P64">
    <cfRule type="duplicateValues" dxfId="584" priority="157" stopIfTrue="1"/>
    <cfRule type="duplicateValues" dxfId="583" priority="158" stopIfTrue="1"/>
  </conditionalFormatting>
  <conditionalFormatting sqref="P64">
    <cfRule type="duplicateValues" dxfId="582" priority="156" stopIfTrue="1"/>
  </conditionalFormatting>
  <conditionalFormatting sqref="P65">
    <cfRule type="duplicateValues" dxfId="581" priority="154" stopIfTrue="1"/>
    <cfRule type="duplicateValues" dxfId="580" priority="155" stopIfTrue="1"/>
  </conditionalFormatting>
  <conditionalFormatting sqref="P65">
    <cfRule type="duplicateValues" dxfId="579" priority="153" stopIfTrue="1"/>
  </conditionalFormatting>
  <conditionalFormatting sqref="P66">
    <cfRule type="duplicateValues" dxfId="578" priority="151" stopIfTrue="1"/>
    <cfRule type="duplicateValues" dxfId="577" priority="152" stopIfTrue="1"/>
  </conditionalFormatting>
  <conditionalFormatting sqref="P66">
    <cfRule type="duplicateValues" dxfId="576" priority="150" stopIfTrue="1"/>
  </conditionalFormatting>
  <conditionalFormatting sqref="P68">
    <cfRule type="duplicateValues" dxfId="575" priority="148" stopIfTrue="1"/>
    <cfRule type="duplicateValues" dxfId="574" priority="149" stopIfTrue="1"/>
  </conditionalFormatting>
  <conditionalFormatting sqref="P68">
    <cfRule type="duplicateValues" dxfId="573" priority="147" stopIfTrue="1"/>
  </conditionalFormatting>
  <conditionalFormatting sqref="P69">
    <cfRule type="duplicateValues" dxfId="572" priority="145" stopIfTrue="1"/>
    <cfRule type="duplicateValues" dxfId="571" priority="146" stopIfTrue="1"/>
  </conditionalFormatting>
  <conditionalFormatting sqref="P69">
    <cfRule type="duplicateValues" dxfId="570" priority="144" stopIfTrue="1"/>
  </conditionalFormatting>
  <conditionalFormatting sqref="P62">
    <cfRule type="duplicateValues" dxfId="569" priority="142" stopIfTrue="1"/>
    <cfRule type="duplicateValues" dxfId="568" priority="143" stopIfTrue="1"/>
  </conditionalFormatting>
  <conditionalFormatting sqref="P62">
    <cfRule type="duplicateValues" dxfId="567" priority="141" stopIfTrue="1"/>
  </conditionalFormatting>
  <conditionalFormatting sqref="P67">
    <cfRule type="duplicateValues" dxfId="566" priority="139" stopIfTrue="1"/>
    <cfRule type="duplicateValues" dxfId="565" priority="140" stopIfTrue="1"/>
  </conditionalFormatting>
  <conditionalFormatting sqref="P67">
    <cfRule type="duplicateValues" dxfId="564" priority="138" stopIfTrue="1"/>
  </conditionalFormatting>
  <conditionalFormatting sqref="T42">
    <cfRule type="duplicateValues" dxfId="563" priority="136" stopIfTrue="1"/>
    <cfRule type="duplicateValues" dxfId="562" priority="137" stopIfTrue="1"/>
  </conditionalFormatting>
  <conditionalFormatting sqref="T42">
    <cfRule type="duplicateValues" dxfId="561" priority="135" stopIfTrue="1"/>
  </conditionalFormatting>
  <conditionalFormatting sqref="T43">
    <cfRule type="duplicateValues" dxfId="560" priority="133" stopIfTrue="1"/>
    <cfRule type="duplicateValues" dxfId="559" priority="134" stopIfTrue="1"/>
  </conditionalFormatting>
  <conditionalFormatting sqref="T43">
    <cfRule type="duplicateValues" dxfId="558" priority="132" stopIfTrue="1"/>
  </conditionalFormatting>
  <conditionalFormatting sqref="T44">
    <cfRule type="duplicateValues" dxfId="557" priority="130" stopIfTrue="1"/>
    <cfRule type="duplicateValues" dxfId="556" priority="131" stopIfTrue="1"/>
  </conditionalFormatting>
  <conditionalFormatting sqref="T44">
    <cfRule type="duplicateValues" dxfId="555" priority="129" stopIfTrue="1"/>
  </conditionalFormatting>
  <conditionalFormatting sqref="T45">
    <cfRule type="duplicateValues" dxfId="554" priority="127" stopIfTrue="1"/>
    <cfRule type="duplicateValues" dxfId="553" priority="128" stopIfTrue="1"/>
  </conditionalFormatting>
  <conditionalFormatting sqref="T45">
    <cfRule type="duplicateValues" dxfId="552" priority="126" stopIfTrue="1"/>
  </conditionalFormatting>
  <conditionalFormatting sqref="T46">
    <cfRule type="duplicateValues" dxfId="551" priority="124" stopIfTrue="1"/>
    <cfRule type="duplicateValues" dxfId="550" priority="125" stopIfTrue="1"/>
  </conditionalFormatting>
  <conditionalFormatting sqref="T46">
    <cfRule type="duplicateValues" dxfId="549" priority="123" stopIfTrue="1"/>
  </conditionalFormatting>
  <conditionalFormatting sqref="T47">
    <cfRule type="duplicateValues" dxfId="548" priority="121" stopIfTrue="1"/>
    <cfRule type="duplicateValues" dxfId="547" priority="122" stopIfTrue="1"/>
  </conditionalFormatting>
  <conditionalFormatting sqref="T47">
    <cfRule type="duplicateValues" dxfId="546" priority="120" stopIfTrue="1"/>
  </conditionalFormatting>
  <conditionalFormatting sqref="T48">
    <cfRule type="duplicateValues" dxfId="545" priority="118" stopIfTrue="1"/>
    <cfRule type="duplicateValues" dxfId="544" priority="119" stopIfTrue="1"/>
  </conditionalFormatting>
  <conditionalFormatting sqref="T48">
    <cfRule type="duplicateValues" dxfId="543" priority="117" stopIfTrue="1"/>
  </conditionalFormatting>
  <conditionalFormatting sqref="T50">
    <cfRule type="duplicateValues" dxfId="542" priority="115" stopIfTrue="1"/>
    <cfRule type="duplicateValues" dxfId="541" priority="116" stopIfTrue="1"/>
  </conditionalFormatting>
  <conditionalFormatting sqref="T50">
    <cfRule type="duplicateValues" dxfId="540" priority="114" stopIfTrue="1"/>
  </conditionalFormatting>
  <conditionalFormatting sqref="T52">
    <cfRule type="duplicateValues" dxfId="539" priority="112" stopIfTrue="1"/>
    <cfRule type="duplicateValues" dxfId="538" priority="113" stopIfTrue="1"/>
  </conditionalFormatting>
  <conditionalFormatting sqref="T52">
    <cfRule type="duplicateValues" dxfId="537" priority="111" stopIfTrue="1"/>
  </conditionalFormatting>
  <conditionalFormatting sqref="T51">
    <cfRule type="duplicateValues" dxfId="536" priority="106" stopIfTrue="1"/>
    <cfRule type="duplicateValues" dxfId="535" priority="107" stopIfTrue="1"/>
  </conditionalFormatting>
  <conditionalFormatting sqref="T51">
    <cfRule type="duplicateValues" dxfId="534" priority="105" stopIfTrue="1"/>
  </conditionalFormatting>
  <conditionalFormatting sqref="T54">
    <cfRule type="duplicateValues" dxfId="533" priority="103" stopIfTrue="1"/>
    <cfRule type="duplicateValues" dxfId="532" priority="104" stopIfTrue="1"/>
  </conditionalFormatting>
  <conditionalFormatting sqref="T54">
    <cfRule type="duplicateValues" dxfId="531" priority="102" stopIfTrue="1"/>
  </conditionalFormatting>
  <conditionalFormatting sqref="T53">
    <cfRule type="duplicateValues" dxfId="530" priority="97" stopIfTrue="1"/>
    <cfRule type="duplicateValues" dxfId="529" priority="98" stopIfTrue="1"/>
  </conditionalFormatting>
  <conditionalFormatting sqref="T53">
    <cfRule type="duplicateValues" dxfId="528" priority="96" stopIfTrue="1"/>
  </conditionalFormatting>
  <conditionalFormatting sqref="T57">
    <cfRule type="duplicateValues" dxfId="527" priority="91" stopIfTrue="1"/>
    <cfRule type="duplicateValues" dxfId="526" priority="92" stopIfTrue="1"/>
  </conditionalFormatting>
  <conditionalFormatting sqref="T57">
    <cfRule type="duplicateValues" dxfId="525" priority="90" stopIfTrue="1"/>
  </conditionalFormatting>
  <conditionalFormatting sqref="T58">
    <cfRule type="duplicateValues" dxfId="524" priority="88" stopIfTrue="1"/>
    <cfRule type="duplicateValues" dxfId="523" priority="89" stopIfTrue="1"/>
  </conditionalFormatting>
  <conditionalFormatting sqref="T58">
    <cfRule type="duplicateValues" dxfId="522" priority="87" stopIfTrue="1"/>
  </conditionalFormatting>
  <conditionalFormatting sqref="T59">
    <cfRule type="duplicateValues" dxfId="521" priority="85" stopIfTrue="1"/>
    <cfRule type="duplicateValues" dxfId="520" priority="86" stopIfTrue="1"/>
  </conditionalFormatting>
  <conditionalFormatting sqref="T59">
    <cfRule type="duplicateValues" dxfId="519" priority="84" stopIfTrue="1"/>
  </conditionalFormatting>
  <conditionalFormatting sqref="T60">
    <cfRule type="duplicateValues" dxfId="518" priority="82" stopIfTrue="1"/>
    <cfRule type="duplicateValues" dxfId="517" priority="83" stopIfTrue="1"/>
  </conditionalFormatting>
  <conditionalFormatting sqref="T60">
    <cfRule type="duplicateValues" dxfId="516" priority="81" stopIfTrue="1"/>
  </conditionalFormatting>
  <conditionalFormatting sqref="T61">
    <cfRule type="duplicateValues" dxfId="515" priority="79" stopIfTrue="1"/>
    <cfRule type="duplicateValues" dxfId="514" priority="80" stopIfTrue="1"/>
  </conditionalFormatting>
  <conditionalFormatting sqref="T61">
    <cfRule type="duplicateValues" dxfId="513" priority="78" stopIfTrue="1"/>
  </conditionalFormatting>
  <conditionalFormatting sqref="T63">
    <cfRule type="duplicateValues" dxfId="512" priority="76" stopIfTrue="1"/>
    <cfRule type="duplicateValues" dxfId="511" priority="77" stopIfTrue="1"/>
  </conditionalFormatting>
  <conditionalFormatting sqref="T63">
    <cfRule type="duplicateValues" dxfId="510" priority="75" stopIfTrue="1"/>
  </conditionalFormatting>
  <conditionalFormatting sqref="T64">
    <cfRule type="duplicateValues" dxfId="509" priority="73" stopIfTrue="1"/>
    <cfRule type="duplicateValues" dxfId="508" priority="74" stopIfTrue="1"/>
  </conditionalFormatting>
  <conditionalFormatting sqref="T64">
    <cfRule type="duplicateValues" dxfId="507" priority="72" stopIfTrue="1"/>
  </conditionalFormatting>
  <conditionalFormatting sqref="T65">
    <cfRule type="duplicateValues" dxfId="506" priority="70" stopIfTrue="1"/>
    <cfRule type="duplicateValues" dxfId="505" priority="71" stopIfTrue="1"/>
  </conditionalFormatting>
  <conditionalFormatting sqref="T65">
    <cfRule type="duplicateValues" dxfId="504" priority="69" stopIfTrue="1"/>
  </conditionalFormatting>
  <conditionalFormatting sqref="T62">
    <cfRule type="duplicateValues" dxfId="503" priority="67" stopIfTrue="1"/>
    <cfRule type="duplicateValues" dxfId="502" priority="68" stopIfTrue="1"/>
  </conditionalFormatting>
  <conditionalFormatting sqref="T62">
    <cfRule type="duplicateValues" dxfId="501" priority="66" stopIfTrue="1"/>
  </conditionalFormatting>
  <conditionalFormatting sqref="T68">
    <cfRule type="duplicateValues" dxfId="500" priority="64" stopIfTrue="1"/>
    <cfRule type="duplicateValues" dxfId="499" priority="65" stopIfTrue="1"/>
  </conditionalFormatting>
  <conditionalFormatting sqref="T68">
    <cfRule type="duplicateValues" dxfId="498" priority="63" stopIfTrue="1"/>
  </conditionalFormatting>
  <conditionalFormatting sqref="T66">
    <cfRule type="duplicateValues" dxfId="497" priority="58" stopIfTrue="1"/>
    <cfRule type="duplicateValues" dxfId="496" priority="59" stopIfTrue="1"/>
  </conditionalFormatting>
  <conditionalFormatting sqref="T66">
    <cfRule type="duplicateValues" dxfId="495" priority="57" stopIfTrue="1"/>
  </conditionalFormatting>
  <conditionalFormatting sqref="T49">
    <cfRule type="duplicateValues" dxfId="494" priority="55" stopIfTrue="1"/>
    <cfRule type="duplicateValues" dxfId="493" priority="56" stopIfTrue="1"/>
  </conditionalFormatting>
  <conditionalFormatting sqref="T49">
    <cfRule type="duplicateValues" dxfId="492" priority="54" stopIfTrue="1"/>
  </conditionalFormatting>
  <conditionalFormatting sqref="D19">
    <cfRule type="duplicateValues" dxfId="491" priority="53" stopIfTrue="1"/>
  </conditionalFormatting>
  <conditionalFormatting sqref="D24">
    <cfRule type="duplicateValues" dxfId="490" priority="52" stopIfTrue="1"/>
  </conditionalFormatting>
  <conditionalFormatting sqref="T55">
    <cfRule type="duplicateValues" dxfId="489" priority="50" stopIfTrue="1"/>
    <cfRule type="duplicateValues" dxfId="488" priority="51" stopIfTrue="1"/>
  </conditionalFormatting>
  <conditionalFormatting sqref="T55">
    <cfRule type="duplicateValues" dxfId="487" priority="49" stopIfTrue="1"/>
  </conditionalFormatting>
  <conditionalFormatting sqref="T56">
    <cfRule type="duplicateValues" dxfId="486" priority="47" stopIfTrue="1"/>
    <cfRule type="duplicateValues" dxfId="485" priority="48" stopIfTrue="1"/>
  </conditionalFormatting>
  <conditionalFormatting sqref="T56">
    <cfRule type="duplicateValues" dxfId="484" priority="46" stopIfTrue="1"/>
  </conditionalFormatting>
  <conditionalFormatting sqref="T67">
    <cfRule type="duplicateValues" dxfId="483" priority="44" stopIfTrue="1"/>
    <cfRule type="duplicateValues" dxfId="482" priority="45" stopIfTrue="1"/>
  </conditionalFormatting>
  <conditionalFormatting sqref="T67">
    <cfRule type="duplicateValues" dxfId="481" priority="43" stopIfTrue="1"/>
  </conditionalFormatting>
  <conditionalFormatting sqref="D20">
    <cfRule type="duplicateValues" dxfId="480" priority="42" stopIfTrue="1"/>
  </conditionalFormatting>
  <conditionalFormatting sqref="D23">
    <cfRule type="duplicateValues" dxfId="479" priority="41" stopIfTrue="1"/>
  </conditionalFormatting>
  <conditionalFormatting sqref="D35">
    <cfRule type="duplicateValues" dxfId="478" priority="40" stopIfTrue="1"/>
  </conditionalFormatting>
  <conditionalFormatting sqref="D30:D31 D32">
    <cfRule type="duplicateValues" dxfId="477" priority="39" stopIfTrue="1"/>
  </conditionalFormatting>
  <conditionalFormatting sqref="D21">
    <cfRule type="duplicateValues" dxfId="476" priority="38" stopIfTrue="1"/>
  </conditionalFormatting>
  <conditionalFormatting sqref="D26">
    <cfRule type="duplicateValues" dxfId="475" priority="37" stopIfTrue="1"/>
  </conditionalFormatting>
  <conditionalFormatting sqref="D28">
    <cfRule type="duplicateValues" dxfId="474" priority="36" stopIfTrue="1"/>
  </conditionalFormatting>
  <conditionalFormatting sqref="D33">
    <cfRule type="duplicateValues" dxfId="473" priority="35" stopIfTrue="1"/>
  </conditionalFormatting>
  <conditionalFormatting sqref="H15">
    <cfRule type="duplicateValues" dxfId="472" priority="34" stopIfTrue="1"/>
  </conditionalFormatting>
  <conditionalFormatting sqref="H25">
    <cfRule type="duplicateValues" dxfId="471" priority="33" stopIfTrue="1"/>
  </conditionalFormatting>
  <conditionalFormatting sqref="D18">
    <cfRule type="duplicateValues" dxfId="470" priority="32" stopIfTrue="1"/>
  </conditionalFormatting>
  <conditionalFormatting sqref="H34:H35 H28:H29 H26 H22 H17:H20 H10:H13 D36:D37 D34 D29 D27 D25">
    <cfRule type="duplicateValues" dxfId="469" priority="30" stopIfTrue="1"/>
  </conditionalFormatting>
  <conditionalFormatting sqref="H37">
    <cfRule type="duplicateValues" dxfId="468" priority="29" stopIfTrue="1"/>
  </conditionalFormatting>
  <conditionalFormatting sqref="H21">
    <cfRule type="duplicateValues" dxfId="467" priority="28" stopIfTrue="1"/>
  </conditionalFormatting>
  <conditionalFormatting sqref="H14">
    <cfRule type="duplicateValues" dxfId="466" priority="27" stopIfTrue="1"/>
  </conditionalFormatting>
  <conditionalFormatting sqref="H31">
    <cfRule type="duplicateValues" dxfId="465" priority="26" stopIfTrue="1"/>
  </conditionalFormatting>
  <conditionalFormatting sqref="L10:L12">
    <cfRule type="duplicateValues" dxfId="464" priority="25" stopIfTrue="1"/>
  </conditionalFormatting>
  <conditionalFormatting sqref="H32 H30 H27 H24">
    <cfRule type="duplicateValues" dxfId="463" priority="24" stopIfTrue="1"/>
  </conditionalFormatting>
  <conditionalFormatting sqref="L13 L19:L21">
    <cfRule type="duplicateValues" dxfId="462" priority="23" stopIfTrue="1"/>
  </conditionalFormatting>
  <conditionalFormatting sqref="H33">
    <cfRule type="duplicateValues" dxfId="461" priority="22" stopIfTrue="1"/>
  </conditionalFormatting>
  <conditionalFormatting sqref="L15">
    <cfRule type="duplicateValues" dxfId="460" priority="21" stopIfTrue="1"/>
  </conditionalFormatting>
  <conditionalFormatting sqref="P10">
    <cfRule type="duplicateValues" dxfId="459" priority="20" stopIfTrue="1"/>
  </conditionalFormatting>
  <conditionalFormatting sqref="H36">
    <cfRule type="duplicateValues" dxfId="458" priority="19" stopIfTrue="1"/>
  </conditionalFormatting>
  <conditionalFormatting sqref="L17">
    <cfRule type="duplicateValues" dxfId="457" priority="18" stopIfTrue="1"/>
  </conditionalFormatting>
  <conditionalFormatting sqref="L36">
    <cfRule type="duplicateValues" dxfId="456" priority="17" stopIfTrue="1"/>
  </conditionalFormatting>
  <conditionalFormatting sqref="P24">
    <cfRule type="duplicateValues" dxfId="455" priority="16" stopIfTrue="1"/>
  </conditionalFormatting>
  <conditionalFormatting sqref="L22">
    <cfRule type="duplicateValues" dxfId="454" priority="15" stopIfTrue="1"/>
  </conditionalFormatting>
  <conditionalFormatting sqref="L23">
    <cfRule type="duplicateValues" dxfId="453" priority="14" stopIfTrue="1"/>
  </conditionalFormatting>
  <conditionalFormatting sqref="L18">
    <cfRule type="duplicateValues" dxfId="452" priority="13" stopIfTrue="1"/>
  </conditionalFormatting>
  <conditionalFormatting sqref="L14 L16">
    <cfRule type="duplicateValues" dxfId="451" priority="12" stopIfTrue="1"/>
  </conditionalFormatting>
  <conditionalFormatting sqref="L25:L27">
    <cfRule type="duplicateValues" dxfId="450" priority="11" stopIfTrue="1"/>
  </conditionalFormatting>
  <conditionalFormatting sqref="L28:L29">
    <cfRule type="duplicateValues" dxfId="449" priority="10" stopIfTrue="1"/>
  </conditionalFormatting>
  <conditionalFormatting sqref="L30">
    <cfRule type="duplicateValues" dxfId="448" priority="9" stopIfTrue="1"/>
  </conditionalFormatting>
  <conditionalFormatting sqref="L33">
    <cfRule type="duplicateValues" dxfId="447" priority="8" stopIfTrue="1"/>
  </conditionalFormatting>
  <conditionalFormatting sqref="L34:L35">
    <cfRule type="duplicateValues" dxfId="446" priority="7" stopIfTrue="1"/>
  </conditionalFormatting>
  <conditionalFormatting sqref="P14:P20">
    <cfRule type="duplicateValues" dxfId="445" priority="6" stopIfTrue="1"/>
  </conditionalFormatting>
  <conditionalFormatting sqref="P26:P27">
    <cfRule type="duplicateValues" dxfId="444" priority="5" stopIfTrue="1"/>
  </conditionalFormatting>
  <conditionalFormatting sqref="P32:P34">
    <cfRule type="duplicateValues" dxfId="443" priority="4" stopIfTrue="1"/>
  </conditionalFormatting>
  <conditionalFormatting sqref="P36">
    <cfRule type="duplicateValues" dxfId="442" priority="3" stopIfTrue="1"/>
  </conditionalFormatting>
  <conditionalFormatting sqref="H23">
    <cfRule type="duplicateValues" dxfId="441" priority="2" stopIfTrue="1"/>
  </conditionalFormatting>
  <conditionalFormatting sqref="T69">
    <cfRule type="duplicateValues" dxfId="440" priority="1"/>
  </conditionalFormatting>
  <pageMargins left="0.75" right="0.75" top="1" bottom="1" header="0.5" footer="0.5"/>
  <pageSetup scale="26" orientation="landscape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1:T68"/>
  <sheetViews>
    <sheetView topLeftCell="D1" workbookViewId="0">
      <selection activeCell="O8" sqref="O8"/>
    </sheetView>
  </sheetViews>
  <sheetFormatPr defaultRowHeight="12.75" x14ac:dyDescent="0.2"/>
  <cols>
    <col min="1" max="1" width="8.7109375" customWidth="1"/>
    <col min="3" max="4" width="17.7109375" customWidth="1"/>
    <col min="7" max="7" width="16" customWidth="1"/>
    <col min="8" max="8" width="17.7109375" customWidth="1"/>
    <col min="11" max="11" width="17.140625" customWidth="1"/>
    <col min="12" max="12" width="17.7109375" customWidth="1"/>
    <col min="15" max="15" width="24.140625" customWidth="1"/>
    <col min="16" max="16" width="16.28515625" customWidth="1"/>
    <col min="18" max="18" width="9.28515625" customWidth="1"/>
    <col min="19" max="19" width="19.5703125" customWidth="1"/>
    <col min="20" max="20" width="18.5703125" customWidth="1"/>
  </cols>
  <sheetData>
    <row r="1" spans="1:20" x14ac:dyDescent="0.2">
      <c r="A1" s="3"/>
    </row>
    <row r="2" spans="1:20" x14ac:dyDescent="0.2">
      <c r="A2" s="3"/>
    </row>
    <row r="6" spans="1:20" x14ac:dyDescent="0.2">
      <c r="A6" s="5" t="s">
        <v>1</v>
      </c>
      <c r="B6" s="18"/>
      <c r="E6" s="14" t="s">
        <v>2</v>
      </c>
      <c r="F6" s="14"/>
      <c r="I6" s="5" t="s">
        <v>3</v>
      </c>
      <c r="J6" s="18"/>
      <c r="M6" s="14" t="s">
        <v>63</v>
      </c>
      <c r="N6" s="14"/>
      <c r="Q6" s="14" t="s">
        <v>65</v>
      </c>
      <c r="R6" s="14"/>
    </row>
    <row r="7" spans="1:20" x14ac:dyDescent="0.2">
      <c r="A7" t="s">
        <v>14</v>
      </c>
      <c r="B7" t="s">
        <v>15</v>
      </c>
      <c r="C7" t="s">
        <v>14</v>
      </c>
      <c r="D7" t="s">
        <v>64</v>
      </c>
      <c r="E7" t="s">
        <v>14</v>
      </c>
      <c r="F7" t="s">
        <v>15</v>
      </c>
      <c r="G7" t="s">
        <v>14</v>
      </c>
      <c r="H7" t="s">
        <v>64</v>
      </c>
      <c r="I7" t="s">
        <v>14</v>
      </c>
      <c r="J7" t="s">
        <v>15</v>
      </c>
      <c r="K7" t="s">
        <v>14</v>
      </c>
      <c r="L7" t="s">
        <v>64</v>
      </c>
      <c r="M7" t="s">
        <v>14</v>
      </c>
      <c r="N7" t="s">
        <v>15</v>
      </c>
      <c r="O7" t="s">
        <v>14</v>
      </c>
      <c r="P7" t="s">
        <v>64</v>
      </c>
      <c r="Q7" t="s">
        <v>14</v>
      </c>
      <c r="R7" t="s">
        <v>15</v>
      </c>
    </row>
    <row r="8" spans="1:20" x14ac:dyDescent="0.2">
      <c r="A8" s="24" t="s">
        <v>147</v>
      </c>
      <c r="B8" s="3"/>
      <c r="C8" s="143" t="s">
        <v>427</v>
      </c>
      <c r="D8" s="7"/>
      <c r="E8" s="24" t="s">
        <v>147</v>
      </c>
      <c r="F8" s="3"/>
      <c r="G8" s="143" t="s">
        <v>427</v>
      </c>
      <c r="H8" s="3"/>
      <c r="I8" s="24" t="s">
        <v>147</v>
      </c>
      <c r="J8" s="3"/>
      <c r="K8" s="143" t="s">
        <v>427</v>
      </c>
      <c r="L8" s="3"/>
      <c r="M8" s="24" t="s">
        <v>147</v>
      </c>
      <c r="N8" s="3"/>
      <c r="O8" s="143" t="s">
        <v>427</v>
      </c>
      <c r="Q8" s="24" t="s">
        <v>147</v>
      </c>
      <c r="R8" s="3"/>
      <c r="S8" s="143" t="s">
        <v>427</v>
      </c>
    </row>
    <row r="9" spans="1:20" x14ac:dyDescent="0.2">
      <c r="A9" s="22" t="s">
        <v>121</v>
      </c>
      <c r="B9" s="3"/>
      <c r="C9" s="143" t="s">
        <v>427</v>
      </c>
      <c r="D9" s="12"/>
      <c r="E9" s="22" t="s">
        <v>121</v>
      </c>
      <c r="F9" s="3"/>
      <c r="G9" s="143" t="s">
        <v>427</v>
      </c>
      <c r="H9" s="3"/>
      <c r="I9" s="22" t="s">
        <v>121</v>
      </c>
      <c r="J9" s="3"/>
      <c r="K9" s="143" t="s">
        <v>427</v>
      </c>
      <c r="L9" s="3"/>
      <c r="M9" s="22" t="s">
        <v>121</v>
      </c>
      <c r="N9" s="3"/>
      <c r="O9" s="143" t="s">
        <v>427</v>
      </c>
      <c r="Q9" s="22" t="s">
        <v>121</v>
      </c>
      <c r="R9" s="3"/>
      <c r="S9" s="143" t="s">
        <v>427</v>
      </c>
    </row>
    <row r="10" spans="1:20" x14ac:dyDescent="0.2">
      <c r="A10" s="24" t="s">
        <v>19</v>
      </c>
      <c r="B10" s="3"/>
      <c r="C10" s="143" t="s">
        <v>427</v>
      </c>
      <c r="D10" s="11"/>
      <c r="E10" s="24" t="s">
        <v>19</v>
      </c>
      <c r="F10" s="3"/>
      <c r="G10" s="143" t="s">
        <v>427</v>
      </c>
      <c r="H10" s="11"/>
      <c r="I10" s="24" t="s">
        <v>19</v>
      </c>
      <c r="J10" s="3"/>
      <c r="K10" s="143" t="s">
        <v>427</v>
      </c>
      <c r="L10" s="11"/>
      <c r="M10" s="24" t="s">
        <v>19</v>
      </c>
      <c r="N10" s="3"/>
      <c r="O10" s="143" t="s">
        <v>427</v>
      </c>
      <c r="Q10" s="24" t="s">
        <v>19</v>
      </c>
      <c r="R10" s="3"/>
      <c r="S10" s="143" t="s">
        <v>427</v>
      </c>
    </row>
    <row r="11" spans="1:20" x14ac:dyDescent="0.2">
      <c r="A11" s="22" t="s">
        <v>21</v>
      </c>
      <c r="B11" s="3"/>
      <c r="C11" t="s">
        <v>428</v>
      </c>
      <c r="D11" s="101" t="s">
        <v>427</v>
      </c>
      <c r="E11" s="22" t="s">
        <v>21</v>
      </c>
      <c r="F11" s="3"/>
      <c r="G11" t="s">
        <v>461</v>
      </c>
      <c r="H11" s="142" t="s">
        <v>462</v>
      </c>
      <c r="I11" s="22" t="s">
        <v>21</v>
      </c>
      <c r="J11" s="3"/>
      <c r="K11" s="142" t="s">
        <v>480</v>
      </c>
      <c r="L11" s="101" t="s">
        <v>427</v>
      </c>
      <c r="M11" s="22" t="s">
        <v>21</v>
      </c>
      <c r="N11" s="3"/>
      <c r="O11" s="144" t="s">
        <v>427</v>
      </c>
      <c r="Q11" s="22" t="s">
        <v>21</v>
      </c>
      <c r="R11" s="3"/>
      <c r="S11" s="144" t="s">
        <v>427</v>
      </c>
    </row>
    <row r="12" spans="1:20" x14ac:dyDescent="0.2">
      <c r="A12" s="22" t="s">
        <v>23</v>
      </c>
      <c r="B12" s="3"/>
      <c r="C12" s="143" t="s">
        <v>427</v>
      </c>
      <c r="D12" s="7"/>
      <c r="E12" s="22" t="s">
        <v>23</v>
      </c>
      <c r="F12" s="3"/>
      <c r="G12" s="143" t="s">
        <v>427</v>
      </c>
      <c r="I12" s="22" t="s">
        <v>23</v>
      </c>
      <c r="J12" s="3"/>
      <c r="K12" s="143" t="s">
        <v>427</v>
      </c>
      <c r="L12" s="3"/>
      <c r="M12" s="22" t="s">
        <v>23</v>
      </c>
      <c r="N12" s="3"/>
      <c r="O12" s="143" t="s">
        <v>427</v>
      </c>
      <c r="Q12" s="22" t="s">
        <v>23</v>
      </c>
      <c r="R12" s="3"/>
      <c r="S12" s="143" t="s">
        <v>427</v>
      </c>
    </row>
    <row r="13" spans="1:20" x14ac:dyDescent="0.2">
      <c r="A13" s="22" t="s">
        <v>29</v>
      </c>
      <c r="B13" s="3"/>
      <c r="C13" s="142" t="s">
        <v>429</v>
      </c>
      <c r="D13" s="142" t="s">
        <v>430</v>
      </c>
      <c r="E13" s="22" t="s">
        <v>29</v>
      </c>
      <c r="F13" s="3"/>
      <c r="G13" s="143" t="s">
        <v>427</v>
      </c>
      <c r="H13" s="11"/>
      <c r="I13" s="22" t="s">
        <v>29</v>
      </c>
      <c r="J13" s="3"/>
      <c r="K13" s="143" t="s">
        <v>427</v>
      </c>
      <c r="L13" s="3"/>
      <c r="M13" s="22" t="s">
        <v>29</v>
      </c>
      <c r="N13" s="3"/>
      <c r="O13" s="143" t="s">
        <v>427</v>
      </c>
      <c r="Q13" s="22" t="s">
        <v>29</v>
      </c>
      <c r="R13" s="3"/>
      <c r="S13" s="143" t="s">
        <v>427</v>
      </c>
    </row>
    <row r="14" spans="1:20" x14ac:dyDescent="0.2">
      <c r="A14" s="22" t="s">
        <v>17</v>
      </c>
      <c r="B14" s="3"/>
      <c r="C14" s="143" t="s">
        <v>427</v>
      </c>
      <c r="D14" s="3"/>
      <c r="E14" s="22" t="s">
        <v>17</v>
      </c>
      <c r="F14" s="3"/>
      <c r="G14" s="143" t="s">
        <v>427</v>
      </c>
      <c r="H14" s="20"/>
      <c r="I14" s="22" t="s">
        <v>17</v>
      </c>
      <c r="J14" s="3"/>
      <c r="K14" s="143" t="s">
        <v>427</v>
      </c>
      <c r="L14" s="13"/>
      <c r="M14" s="22" t="s">
        <v>17</v>
      </c>
      <c r="N14" s="3"/>
      <c r="O14" s="143" t="s">
        <v>427</v>
      </c>
      <c r="P14" s="13"/>
      <c r="Q14" s="22" t="s">
        <v>17</v>
      </c>
      <c r="R14" s="3"/>
      <c r="S14" s="143" t="s">
        <v>427</v>
      </c>
    </row>
    <row r="15" spans="1:20" x14ac:dyDescent="0.2">
      <c r="A15" s="22" t="s">
        <v>5</v>
      </c>
      <c r="B15" s="3"/>
      <c r="C15" s="143" t="s">
        <v>427</v>
      </c>
      <c r="D15" s="3"/>
      <c r="E15" s="22" t="s">
        <v>5</v>
      </c>
      <c r="F15" s="3"/>
      <c r="G15" s="143" t="s">
        <v>427</v>
      </c>
      <c r="H15" s="13"/>
      <c r="I15" s="22" t="s">
        <v>5</v>
      </c>
      <c r="J15" s="3"/>
      <c r="K15" s="143" t="s">
        <v>427</v>
      </c>
      <c r="L15" s="21"/>
      <c r="M15" s="22" t="s">
        <v>5</v>
      </c>
      <c r="N15" s="3"/>
      <c r="O15" s="143" t="s">
        <v>427</v>
      </c>
      <c r="P15" s="13"/>
      <c r="Q15" s="22" t="s">
        <v>5</v>
      </c>
      <c r="R15" s="3"/>
      <c r="S15" s="143" t="s">
        <v>427</v>
      </c>
      <c r="T15" s="13"/>
    </row>
    <row r="16" spans="1:20" x14ac:dyDescent="0.2">
      <c r="A16" s="22" t="s">
        <v>6</v>
      </c>
      <c r="B16" s="3"/>
      <c r="C16" t="s">
        <v>431</v>
      </c>
      <c r="D16" s="101" t="s">
        <v>427</v>
      </c>
      <c r="E16" s="22" t="s">
        <v>6</v>
      </c>
      <c r="F16" s="3"/>
      <c r="G16" s="142" t="s">
        <v>505</v>
      </c>
      <c r="H16" s="144" t="s">
        <v>427</v>
      </c>
      <c r="I16" s="22" t="s">
        <v>6</v>
      </c>
      <c r="J16" s="3"/>
      <c r="K16" s="143" t="s">
        <v>427</v>
      </c>
      <c r="L16" s="13"/>
      <c r="M16" s="22" t="s">
        <v>6</v>
      </c>
      <c r="N16" s="3"/>
      <c r="O16" s="143" t="s">
        <v>427</v>
      </c>
      <c r="Q16" s="22" t="s">
        <v>6</v>
      </c>
      <c r="R16" s="3"/>
      <c r="S16" s="143" t="s">
        <v>427</v>
      </c>
    </row>
    <row r="17" spans="1:20" x14ac:dyDescent="0.2">
      <c r="A17" s="22" t="s">
        <v>27</v>
      </c>
      <c r="B17" s="3"/>
      <c r="C17" s="143" t="s">
        <v>427</v>
      </c>
      <c r="D17" s="7"/>
      <c r="E17" s="22" t="s">
        <v>27</v>
      </c>
      <c r="F17" s="3"/>
      <c r="G17" s="143" t="s">
        <v>427</v>
      </c>
      <c r="H17" s="11"/>
      <c r="I17" s="22" t="s">
        <v>27</v>
      </c>
      <c r="J17" s="3"/>
      <c r="K17" s="143" t="s">
        <v>427</v>
      </c>
      <c r="M17" s="22" t="s">
        <v>27</v>
      </c>
      <c r="N17" s="3"/>
      <c r="O17" s="143" t="s">
        <v>427</v>
      </c>
      <c r="P17" s="3"/>
      <c r="Q17" s="22" t="s">
        <v>27</v>
      </c>
      <c r="R17" s="3"/>
      <c r="S17" s="143" t="s">
        <v>427</v>
      </c>
      <c r="T17" s="13"/>
    </row>
    <row r="18" spans="1:20" x14ac:dyDescent="0.2">
      <c r="A18" s="24" t="s">
        <v>76</v>
      </c>
      <c r="B18" s="3"/>
      <c r="C18" s="142" t="s">
        <v>433</v>
      </c>
      <c r="D18" s="142" t="s">
        <v>432</v>
      </c>
      <c r="E18" s="24" t="s">
        <v>76</v>
      </c>
      <c r="F18" s="3"/>
      <c r="G18" s="142" t="s">
        <v>463</v>
      </c>
      <c r="H18" s="101" t="s">
        <v>427</v>
      </c>
      <c r="I18" s="24" t="s">
        <v>76</v>
      </c>
      <c r="J18" s="3"/>
      <c r="K18" s="142" t="s">
        <v>427</v>
      </c>
      <c r="L18" s="3"/>
      <c r="M18" s="24" t="s">
        <v>76</v>
      </c>
      <c r="N18" s="3"/>
      <c r="O18" s="142" t="s">
        <v>427</v>
      </c>
      <c r="Q18" s="24" t="s">
        <v>76</v>
      </c>
      <c r="R18" s="3"/>
      <c r="S18" s="142" t="s">
        <v>427</v>
      </c>
    </row>
    <row r="19" spans="1:20" x14ac:dyDescent="0.2">
      <c r="A19" s="22" t="s">
        <v>20</v>
      </c>
      <c r="B19" s="3"/>
      <c r="C19" t="s">
        <v>434</v>
      </c>
      <c r="D19" s="142" t="s">
        <v>435</v>
      </c>
      <c r="E19" s="22" t="s">
        <v>20</v>
      </c>
      <c r="F19" s="3"/>
      <c r="G19" t="s">
        <v>464</v>
      </c>
      <c r="H19" s="142" t="s">
        <v>465</v>
      </c>
      <c r="I19" s="22" t="s">
        <v>20</v>
      </c>
      <c r="J19" s="3"/>
      <c r="K19" t="s">
        <v>481</v>
      </c>
      <c r="L19" s="142" t="s">
        <v>482</v>
      </c>
      <c r="M19" s="22" t="s">
        <v>20</v>
      </c>
      <c r="N19" s="3"/>
      <c r="O19" t="s">
        <v>502</v>
      </c>
      <c r="P19" s="101" t="s">
        <v>503</v>
      </c>
      <c r="Q19" s="22" t="s">
        <v>20</v>
      </c>
      <c r="R19" s="3"/>
      <c r="S19" s="143" t="s">
        <v>427</v>
      </c>
    </row>
    <row r="20" spans="1:20" x14ac:dyDescent="0.2">
      <c r="A20" s="22" t="s">
        <v>9</v>
      </c>
      <c r="B20" s="3"/>
      <c r="C20" s="143" t="s">
        <v>427</v>
      </c>
      <c r="D20" s="7"/>
      <c r="E20" s="22" t="s">
        <v>9</v>
      </c>
      <c r="F20" s="3"/>
      <c r="G20" s="143" t="s">
        <v>427</v>
      </c>
      <c r="H20" s="7"/>
      <c r="I20" s="22" t="s">
        <v>9</v>
      </c>
      <c r="J20" s="3"/>
      <c r="K20" s="143" t="s">
        <v>427</v>
      </c>
      <c r="L20" s="12"/>
      <c r="M20" s="22" t="s">
        <v>9</v>
      </c>
      <c r="N20" s="3"/>
      <c r="O20" s="143" t="s">
        <v>427</v>
      </c>
      <c r="Q20" s="22" t="s">
        <v>9</v>
      </c>
      <c r="R20" s="3"/>
      <c r="S20" s="143" t="s">
        <v>427</v>
      </c>
    </row>
    <row r="21" spans="1:20" x14ac:dyDescent="0.2">
      <c r="A21" s="24" t="s">
        <v>133</v>
      </c>
      <c r="B21" s="3"/>
      <c r="C21" t="s">
        <v>436</v>
      </c>
      <c r="D21" s="143" t="s">
        <v>427</v>
      </c>
      <c r="E21" s="24" t="s">
        <v>133</v>
      </c>
      <c r="F21" s="3"/>
      <c r="G21" s="143" t="s">
        <v>427</v>
      </c>
      <c r="H21" s="11"/>
      <c r="I21" s="24" t="s">
        <v>133</v>
      </c>
      <c r="J21" s="3"/>
      <c r="K21" s="143" t="s">
        <v>427</v>
      </c>
      <c r="L21" s="3"/>
      <c r="M21" s="24" t="s">
        <v>133</v>
      </c>
      <c r="N21" s="3"/>
      <c r="O21" s="143" t="s">
        <v>427</v>
      </c>
      <c r="Q21" s="24" t="s">
        <v>133</v>
      </c>
      <c r="R21" s="3"/>
      <c r="S21" s="143" t="s">
        <v>427</v>
      </c>
    </row>
    <row r="22" spans="1:20" x14ac:dyDescent="0.2">
      <c r="A22" s="24" t="s">
        <v>148</v>
      </c>
      <c r="B22" s="3"/>
      <c r="C22" s="142" t="s">
        <v>437</v>
      </c>
      <c r="D22" s="142" t="s">
        <v>438</v>
      </c>
      <c r="E22" s="24" t="s">
        <v>148</v>
      </c>
      <c r="F22" s="3"/>
      <c r="G22" s="142" t="s">
        <v>466</v>
      </c>
      <c r="H22" s="142" t="s">
        <v>467</v>
      </c>
      <c r="I22" s="24" t="s">
        <v>148</v>
      </c>
      <c r="J22" s="3"/>
      <c r="K22" s="142" t="s">
        <v>483</v>
      </c>
      <c r="L22" s="142" t="s">
        <v>488</v>
      </c>
      <c r="M22" s="24" t="s">
        <v>148</v>
      </c>
      <c r="N22" s="3"/>
      <c r="O22" s="142" t="s">
        <v>484</v>
      </c>
      <c r="P22" s="142" t="s">
        <v>485</v>
      </c>
      <c r="Q22" s="24" t="s">
        <v>148</v>
      </c>
      <c r="R22" s="3"/>
      <c r="S22" s="142" t="s">
        <v>487</v>
      </c>
      <c r="T22" s="142" t="s">
        <v>486</v>
      </c>
    </row>
    <row r="23" spans="1:20" x14ac:dyDescent="0.2">
      <c r="A23" s="24" t="s">
        <v>16</v>
      </c>
      <c r="B23" s="3"/>
      <c r="C23" s="142" t="s">
        <v>439</v>
      </c>
      <c r="D23" s="144" t="s">
        <v>427</v>
      </c>
      <c r="E23" s="24" t="s">
        <v>16</v>
      </c>
      <c r="F23" s="3"/>
      <c r="G23" t="s">
        <v>468</v>
      </c>
      <c r="H23" s="142" t="s">
        <v>469</v>
      </c>
      <c r="I23" s="24" t="s">
        <v>16</v>
      </c>
      <c r="J23" s="3"/>
      <c r="K23" s="142" t="s">
        <v>496</v>
      </c>
      <c r="L23" s="142" t="s">
        <v>497</v>
      </c>
      <c r="M23" s="24" t="s">
        <v>16</v>
      </c>
      <c r="N23" s="3"/>
      <c r="O23" t="s">
        <v>489</v>
      </c>
      <c r="P23" s="142" t="s">
        <v>490</v>
      </c>
      <c r="Q23" s="24" t="s">
        <v>16</v>
      </c>
      <c r="R23" s="3"/>
      <c r="S23" t="s">
        <v>493</v>
      </c>
      <c r="T23" s="142" t="s">
        <v>491</v>
      </c>
    </row>
    <row r="24" spans="1:20" x14ac:dyDescent="0.2">
      <c r="A24" s="22" t="s">
        <v>67</v>
      </c>
      <c r="B24" s="3"/>
      <c r="C24" t="s">
        <v>440</v>
      </c>
      <c r="D24" s="142" t="s">
        <v>441</v>
      </c>
      <c r="E24" s="22" t="s">
        <v>67</v>
      </c>
      <c r="F24" s="3"/>
      <c r="G24" s="143" t="s">
        <v>427</v>
      </c>
      <c r="I24" s="22" t="s">
        <v>67</v>
      </c>
      <c r="J24" s="3"/>
      <c r="K24" s="143" t="s">
        <v>427</v>
      </c>
      <c r="L24" s="3"/>
      <c r="M24" s="22" t="s">
        <v>67</v>
      </c>
      <c r="N24" s="3"/>
      <c r="O24" s="143" t="s">
        <v>427</v>
      </c>
      <c r="Q24" s="22" t="s">
        <v>67</v>
      </c>
      <c r="R24" s="3"/>
      <c r="S24" s="143" t="s">
        <v>427</v>
      </c>
    </row>
    <row r="25" spans="1:20" x14ac:dyDescent="0.2">
      <c r="A25" s="24" t="s">
        <v>11</v>
      </c>
      <c r="B25" s="3"/>
      <c r="C25" s="142" t="s">
        <v>442</v>
      </c>
      <c r="D25" s="101" t="s">
        <v>427</v>
      </c>
      <c r="E25" s="24" t="s">
        <v>11</v>
      </c>
      <c r="F25" s="3"/>
      <c r="G25" t="s">
        <v>470</v>
      </c>
      <c r="H25" s="20" t="s">
        <v>427</v>
      </c>
      <c r="I25" s="24" t="s">
        <v>11</v>
      </c>
      <c r="J25" s="3"/>
      <c r="K25" t="s">
        <v>495</v>
      </c>
      <c r="L25" s="101" t="s">
        <v>427</v>
      </c>
      <c r="M25" s="24" t="s">
        <v>11</v>
      </c>
      <c r="N25" s="3"/>
      <c r="O25" s="142" t="s">
        <v>498</v>
      </c>
      <c r="P25" s="142" t="s">
        <v>499</v>
      </c>
      <c r="Q25" s="24" t="s">
        <v>11</v>
      </c>
      <c r="R25" s="3"/>
      <c r="S25" s="143" t="s">
        <v>427</v>
      </c>
    </row>
    <row r="26" spans="1:20" x14ac:dyDescent="0.2">
      <c r="A26" s="22" t="s">
        <v>136</v>
      </c>
      <c r="B26" s="3"/>
      <c r="C26" t="s">
        <v>443</v>
      </c>
      <c r="D26" s="142" t="s">
        <v>444</v>
      </c>
      <c r="E26" s="22" t="s">
        <v>136</v>
      </c>
      <c r="F26" s="3"/>
      <c r="G26" s="143" t="s">
        <v>427</v>
      </c>
      <c r="H26" s="3"/>
      <c r="I26" s="22" t="s">
        <v>136</v>
      </c>
      <c r="J26" s="3"/>
      <c r="K26" s="143" t="s">
        <v>427</v>
      </c>
      <c r="L26" s="3"/>
      <c r="M26" s="22" t="s">
        <v>136</v>
      </c>
      <c r="N26" s="3"/>
      <c r="O26" s="143" t="s">
        <v>427</v>
      </c>
      <c r="Q26" s="22" t="s">
        <v>136</v>
      </c>
      <c r="R26" s="3"/>
      <c r="S26" s="143" t="s">
        <v>427</v>
      </c>
    </row>
    <row r="27" spans="1:20" x14ac:dyDescent="0.2">
      <c r="A27" s="22" t="s">
        <v>22</v>
      </c>
      <c r="B27" s="3"/>
      <c r="C27" t="s">
        <v>445</v>
      </c>
      <c r="D27" s="142" t="s">
        <v>446</v>
      </c>
      <c r="E27" s="22" t="s">
        <v>22</v>
      </c>
      <c r="F27" s="3"/>
      <c r="G27" t="s">
        <v>471</v>
      </c>
      <c r="H27" s="142" t="s">
        <v>472</v>
      </c>
      <c r="I27" s="22" t="s">
        <v>22</v>
      </c>
      <c r="J27" s="3"/>
      <c r="K27" s="143" t="s">
        <v>427</v>
      </c>
      <c r="L27" s="3"/>
      <c r="M27" s="22" t="s">
        <v>22</v>
      </c>
      <c r="N27" s="3"/>
      <c r="O27" s="143" t="s">
        <v>427</v>
      </c>
      <c r="P27" s="11"/>
      <c r="Q27" s="22" t="s">
        <v>22</v>
      </c>
      <c r="R27" s="3"/>
      <c r="S27" s="143" t="s">
        <v>427</v>
      </c>
    </row>
    <row r="28" spans="1:20" x14ac:dyDescent="0.2">
      <c r="A28" s="22" t="s">
        <v>7</v>
      </c>
      <c r="B28" s="3"/>
      <c r="C28" t="s">
        <v>448</v>
      </c>
      <c r="D28" s="142" t="s">
        <v>447</v>
      </c>
      <c r="E28" s="22" t="s">
        <v>7</v>
      </c>
      <c r="F28" s="3"/>
      <c r="G28" s="142" t="s">
        <v>473</v>
      </c>
      <c r="H28" s="142" t="s">
        <v>474</v>
      </c>
      <c r="I28" s="22" t="s">
        <v>7</v>
      </c>
      <c r="J28" s="3"/>
      <c r="K28" t="s">
        <v>501</v>
      </c>
      <c r="L28" s="142" t="s">
        <v>500</v>
      </c>
      <c r="M28" s="22" t="s">
        <v>7</v>
      </c>
      <c r="N28" s="3"/>
      <c r="O28" s="101" t="s">
        <v>427</v>
      </c>
      <c r="P28" s="142"/>
      <c r="Q28" s="22" t="s">
        <v>7</v>
      </c>
      <c r="R28" s="3"/>
      <c r="S28" s="143" t="s">
        <v>427</v>
      </c>
    </row>
    <row r="29" spans="1:20" x14ac:dyDescent="0.2">
      <c r="A29" s="22" t="s">
        <v>26</v>
      </c>
      <c r="B29" s="3"/>
      <c r="C29" s="142" t="s">
        <v>449</v>
      </c>
      <c r="D29" s="142" t="s">
        <v>450</v>
      </c>
      <c r="E29" s="22" t="s">
        <v>26</v>
      </c>
      <c r="F29" s="3"/>
      <c r="G29" s="147" t="s">
        <v>451</v>
      </c>
      <c r="H29" s="142" t="s">
        <v>452</v>
      </c>
      <c r="I29" s="22" t="s">
        <v>26</v>
      </c>
      <c r="J29" s="3"/>
      <c r="K29" s="101" t="s">
        <v>427</v>
      </c>
      <c r="L29" s="13"/>
      <c r="M29" s="22" t="s">
        <v>26</v>
      </c>
      <c r="N29" s="3"/>
      <c r="O29" s="101" t="s">
        <v>427</v>
      </c>
      <c r="P29" s="13"/>
      <c r="Q29" s="22" t="s">
        <v>26</v>
      </c>
      <c r="R29" s="3"/>
      <c r="S29" s="101" t="s">
        <v>427</v>
      </c>
      <c r="T29" s="13"/>
    </row>
    <row r="30" spans="1:20" x14ac:dyDescent="0.2">
      <c r="A30" s="22" t="s">
        <v>25</v>
      </c>
      <c r="B30" s="3"/>
      <c r="C30" s="143" t="s">
        <v>427</v>
      </c>
      <c r="D30" s="3"/>
      <c r="E30" s="22" t="s">
        <v>25</v>
      </c>
      <c r="F30" s="3"/>
      <c r="G30" s="143" t="s">
        <v>427</v>
      </c>
      <c r="H30" s="3"/>
      <c r="I30" s="22" t="s">
        <v>25</v>
      </c>
      <c r="J30" s="3"/>
      <c r="K30" s="143" t="s">
        <v>427</v>
      </c>
      <c r="L30" s="3"/>
      <c r="M30" s="22" t="s">
        <v>25</v>
      </c>
      <c r="N30" s="3"/>
      <c r="O30" s="143" t="s">
        <v>427</v>
      </c>
      <c r="Q30" s="22" t="s">
        <v>25</v>
      </c>
      <c r="R30" s="3"/>
      <c r="S30" s="143" t="s">
        <v>427</v>
      </c>
    </row>
    <row r="31" spans="1:20" x14ac:dyDescent="0.2">
      <c r="A31" s="22" t="s">
        <v>120</v>
      </c>
      <c r="B31" s="3"/>
      <c r="C31" s="146" t="s">
        <v>451</v>
      </c>
      <c r="D31" s="142" t="s">
        <v>453</v>
      </c>
      <c r="E31" s="22" t="s">
        <v>120</v>
      </c>
      <c r="F31" s="3"/>
      <c r="G31" s="143" t="s">
        <v>427</v>
      </c>
      <c r="H31" s="7"/>
      <c r="I31" s="22" t="s">
        <v>120</v>
      </c>
      <c r="J31" s="3"/>
      <c r="K31" s="143" t="s">
        <v>427</v>
      </c>
      <c r="L31" s="7"/>
      <c r="M31" s="22" t="s">
        <v>120</v>
      </c>
      <c r="N31" s="3"/>
      <c r="O31" s="143" t="s">
        <v>427</v>
      </c>
      <c r="P31" s="13"/>
      <c r="Q31" s="22" t="s">
        <v>120</v>
      </c>
      <c r="R31" s="3"/>
      <c r="S31" s="143" t="s">
        <v>427</v>
      </c>
    </row>
    <row r="32" spans="1:20" x14ac:dyDescent="0.2">
      <c r="A32" s="22" t="s">
        <v>12</v>
      </c>
      <c r="B32" s="3"/>
      <c r="C32" t="s">
        <v>454</v>
      </c>
      <c r="D32" s="142" t="s">
        <v>455</v>
      </c>
      <c r="E32" s="22" t="s">
        <v>12</v>
      </c>
      <c r="F32" s="3"/>
      <c r="G32" s="143" t="s">
        <v>427</v>
      </c>
      <c r="H32" s="3"/>
      <c r="I32" s="22" t="s">
        <v>12</v>
      </c>
      <c r="J32" s="3"/>
      <c r="K32" s="143" t="s">
        <v>427</v>
      </c>
      <c r="L32" s="3"/>
      <c r="M32" s="22" t="s">
        <v>12</v>
      </c>
      <c r="N32" s="3"/>
      <c r="O32" s="143" t="s">
        <v>427</v>
      </c>
      <c r="Q32" s="22" t="s">
        <v>12</v>
      </c>
      <c r="R32" s="3"/>
      <c r="S32" s="143" t="s">
        <v>427</v>
      </c>
    </row>
    <row r="33" spans="1:20" x14ac:dyDescent="0.2">
      <c r="A33" s="22" t="s">
        <v>8</v>
      </c>
      <c r="B33" s="3"/>
      <c r="C33" s="142" t="s">
        <v>456</v>
      </c>
      <c r="D33" s="101" t="s">
        <v>427</v>
      </c>
      <c r="E33" s="22" t="s">
        <v>8</v>
      </c>
      <c r="F33" s="3"/>
      <c r="G33" t="s">
        <v>475</v>
      </c>
      <c r="H33" s="101" t="s">
        <v>427</v>
      </c>
      <c r="I33" s="22" t="s">
        <v>8</v>
      </c>
      <c r="J33" s="3"/>
      <c r="K33" s="142" t="s">
        <v>506</v>
      </c>
      <c r="L33" s="145" t="s">
        <v>427</v>
      </c>
      <c r="M33" s="22" t="s">
        <v>8</v>
      </c>
      <c r="N33" s="3"/>
      <c r="O33" t="s">
        <v>504</v>
      </c>
      <c r="P33" s="101" t="s">
        <v>427</v>
      </c>
      <c r="Q33" s="22" t="s">
        <v>8</v>
      </c>
      <c r="R33" s="3"/>
      <c r="S33" s="143" t="s">
        <v>427</v>
      </c>
    </row>
    <row r="34" spans="1:20" x14ac:dyDescent="0.2">
      <c r="A34" s="22" t="s">
        <v>13</v>
      </c>
      <c r="B34" s="3"/>
      <c r="C34" t="s">
        <v>457</v>
      </c>
      <c r="D34" s="142" t="s">
        <v>458</v>
      </c>
      <c r="E34" s="22" t="s">
        <v>13</v>
      </c>
      <c r="F34" s="3"/>
      <c r="G34" t="s">
        <v>477</v>
      </c>
      <c r="H34" s="142" t="s">
        <v>476</v>
      </c>
      <c r="I34" s="22" t="s">
        <v>13</v>
      </c>
      <c r="J34" s="3"/>
      <c r="K34" s="143" t="s">
        <v>427</v>
      </c>
      <c r="L34" s="3"/>
      <c r="M34" s="22" t="s">
        <v>13</v>
      </c>
      <c r="N34" s="3"/>
      <c r="O34" s="143" t="s">
        <v>427</v>
      </c>
      <c r="Q34" s="22" t="s">
        <v>13</v>
      </c>
      <c r="R34" s="3"/>
      <c r="S34" s="143" t="s">
        <v>427</v>
      </c>
    </row>
    <row r="35" spans="1:20" x14ac:dyDescent="0.2">
      <c r="A35" s="22" t="s">
        <v>28</v>
      </c>
      <c r="B35" s="3"/>
      <c r="C35" s="142" t="s">
        <v>459</v>
      </c>
      <c r="D35" s="142" t="s">
        <v>460</v>
      </c>
      <c r="E35" s="22" t="s">
        <v>28</v>
      </c>
      <c r="F35" s="3"/>
      <c r="G35" s="142" t="s">
        <v>478</v>
      </c>
      <c r="H35" s="142" t="s">
        <v>479</v>
      </c>
      <c r="I35" s="22" t="s">
        <v>28</v>
      </c>
      <c r="J35" s="3"/>
      <c r="K35" t="s">
        <v>507</v>
      </c>
      <c r="L35" s="142" t="s">
        <v>508</v>
      </c>
      <c r="M35" s="22" t="s">
        <v>28</v>
      </c>
      <c r="N35" s="3"/>
      <c r="O35" s="142" t="s">
        <v>509</v>
      </c>
      <c r="P35" s="142" t="s">
        <v>510</v>
      </c>
      <c r="Q35" s="22" t="s">
        <v>28</v>
      </c>
      <c r="R35" s="3"/>
      <c r="S35" t="s">
        <v>511</v>
      </c>
      <c r="T35" s="142" t="s">
        <v>512</v>
      </c>
    </row>
    <row r="38" spans="1:20" x14ac:dyDescent="0.2">
      <c r="A38" s="14" t="s">
        <v>18</v>
      </c>
      <c r="B38" s="14"/>
      <c r="E38" t="s">
        <v>66</v>
      </c>
      <c r="I38" t="s">
        <v>32</v>
      </c>
    </row>
    <row r="39" spans="1:20" x14ac:dyDescent="0.2">
      <c r="A39" t="s">
        <v>14</v>
      </c>
      <c r="B39" t="s">
        <v>15</v>
      </c>
      <c r="C39" s="143"/>
      <c r="E39" t="s">
        <v>14</v>
      </c>
      <c r="F39" t="s">
        <v>15</v>
      </c>
      <c r="I39" t="s">
        <v>14</v>
      </c>
      <c r="J39" t="s">
        <v>15</v>
      </c>
    </row>
    <row r="40" spans="1:20" x14ac:dyDescent="0.2">
      <c r="A40" s="24" t="s">
        <v>147</v>
      </c>
      <c r="B40" s="3"/>
      <c r="C40" s="143" t="s">
        <v>427</v>
      </c>
      <c r="E40" s="24" t="s">
        <v>147</v>
      </c>
      <c r="F40" s="3"/>
      <c r="G40" s="143" t="s">
        <v>427</v>
      </c>
      <c r="I40" s="24" t="s">
        <v>147</v>
      </c>
      <c r="J40" s="3"/>
      <c r="K40" s="143" t="s">
        <v>427</v>
      </c>
    </row>
    <row r="41" spans="1:20" x14ac:dyDescent="0.2">
      <c r="A41" s="22" t="s">
        <v>121</v>
      </c>
      <c r="B41" s="3"/>
      <c r="C41" s="143" t="s">
        <v>427</v>
      </c>
      <c r="E41" s="22" t="s">
        <v>121</v>
      </c>
      <c r="F41" s="3"/>
      <c r="G41" s="143" t="s">
        <v>427</v>
      </c>
      <c r="I41" s="22" t="s">
        <v>121</v>
      </c>
      <c r="J41" s="3"/>
      <c r="K41" s="143" t="s">
        <v>427</v>
      </c>
    </row>
    <row r="42" spans="1:20" x14ac:dyDescent="0.2">
      <c r="A42" s="24" t="s">
        <v>19</v>
      </c>
      <c r="B42" s="3"/>
      <c r="C42" s="143" t="s">
        <v>427</v>
      </c>
      <c r="E42" s="24" t="s">
        <v>19</v>
      </c>
      <c r="F42" s="3"/>
      <c r="G42" s="143" t="s">
        <v>427</v>
      </c>
      <c r="I42" s="24" t="s">
        <v>19</v>
      </c>
      <c r="J42" s="3"/>
      <c r="K42" s="143" t="s">
        <v>427</v>
      </c>
    </row>
    <row r="43" spans="1:20" x14ac:dyDescent="0.2">
      <c r="A43" s="22" t="s">
        <v>21</v>
      </c>
      <c r="B43" s="3"/>
      <c r="C43" s="144" t="s">
        <v>427</v>
      </c>
      <c r="E43" s="22" t="s">
        <v>21</v>
      </c>
      <c r="F43" s="3"/>
      <c r="G43" s="144" t="s">
        <v>427</v>
      </c>
      <c r="I43" s="22" t="s">
        <v>21</v>
      </c>
      <c r="J43" s="3"/>
      <c r="K43" s="144" t="s">
        <v>427</v>
      </c>
    </row>
    <row r="44" spans="1:20" x14ac:dyDescent="0.2">
      <c r="A44" s="22" t="s">
        <v>23</v>
      </c>
      <c r="B44" s="3"/>
      <c r="C44" s="143" t="s">
        <v>427</v>
      </c>
      <c r="E44" s="22" t="s">
        <v>23</v>
      </c>
      <c r="F44" s="3"/>
      <c r="G44" s="143" t="s">
        <v>427</v>
      </c>
      <c r="I44" s="22" t="s">
        <v>23</v>
      </c>
      <c r="J44" s="3"/>
      <c r="K44" s="143" t="s">
        <v>427</v>
      </c>
    </row>
    <row r="45" spans="1:20" x14ac:dyDescent="0.2">
      <c r="A45" s="22" t="s">
        <v>29</v>
      </c>
      <c r="B45" s="3"/>
      <c r="C45" s="143" t="s">
        <v>427</v>
      </c>
      <c r="E45" s="22" t="s">
        <v>29</v>
      </c>
      <c r="F45" s="3"/>
      <c r="G45" s="143" t="s">
        <v>427</v>
      </c>
      <c r="I45" s="22" t="s">
        <v>29</v>
      </c>
      <c r="J45" s="3"/>
      <c r="K45" s="143" t="s">
        <v>427</v>
      </c>
    </row>
    <row r="46" spans="1:20" x14ac:dyDescent="0.2">
      <c r="A46" s="22" t="s">
        <v>17</v>
      </c>
      <c r="B46" s="3"/>
      <c r="C46" s="143" t="s">
        <v>427</v>
      </c>
      <c r="E46" s="22" t="s">
        <v>17</v>
      </c>
      <c r="F46" s="3"/>
      <c r="G46" s="143" t="s">
        <v>427</v>
      </c>
      <c r="I46" s="22" t="s">
        <v>17</v>
      </c>
      <c r="J46" s="3"/>
      <c r="K46" s="143" t="s">
        <v>427</v>
      </c>
    </row>
    <row r="47" spans="1:20" x14ac:dyDescent="0.2">
      <c r="A47" s="22" t="s">
        <v>5</v>
      </c>
      <c r="B47" s="3"/>
      <c r="C47" s="143" t="s">
        <v>427</v>
      </c>
      <c r="D47" s="13"/>
      <c r="E47" s="22" t="s">
        <v>5</v>
      </c>
      <c r="F47" s="3"/>
      <c r="G47" s="143" t="s">
        <v>427</v>
      </c>
      <c r="H47" s="13"/>
      <c r="I47" s="22" t="s">
        <v>5</v>
      </c>
      <c r="J47" s="3"/>
      <c r="K47" s="143" t="s">
        <v>427</v>
      </c>
      <c r="L47" s="13"/>
    </row>
    <row r="48" spans="1:20" x14ac:dyDescent="0.2">
      <c r="A48" s="22" t="s">
        <v>6</v>
      </c>
      <c r="B48" s="3"/>
      <c r="C48" s="143" t="s">
        <v>427</v>
      </c>
      <c r="E48" s="22" t="s">
        <v>6</v>
      </c>
      <c r="F48" s="3"/>
      <c r="G48" s="143" t="s">
        <v>427</v>
      </c>
      <c r="I48" s="22" t="s">
        <v>6</v>
      </c>
      <c r="J48" s="3"/>
      <c r="K48" s="143" t="s">
        <v>427</v>
      </c>
    </row>
    <row r="49" spans="1:12" x14ac:dyDescent="0.2">
      <c r="A49" s="22" t="s">
        <v>27</v>
      </c>
      <c r="B49" s="3"/>
      <c r="C49" s="143" t="s">
        <v>427</v>
      </c>
      <c r="E49" s="22" t="s">
        <v>27</v>
      </c>
      <c r="F49" s="3"/>
      <c r="G49" s="143" t="s">
        <v>427</v>
      </c>
      <c r="I49" s="22" t="s">
        <v>27</v>
      </c>
      <c r="J49" s="3"/>
      <c r="K49" s="143" t="s">
        <v>427</v>
      </c>
    </row>
    <row r="50" spans="1:12" x14ac:dyDescent="0.2">
      <c r="A50" s="24" t="s">
        <v>76</v>
      </c>
      <c r="B50" s="3"/>
      <c r="C50" s="142" t="s">
        <v>427</v>
      </c>
      <c r="E50" s="24" t="s">
        <v>76</v>
      </c>
      <c r="F50" s="3"/>
      <c r="G50" s="142" t="s">
        <v>427</v>
      </c>
      <c r="I50" s="24" t="s">
        <v>76</v>
      </c>
      <c r="J50" s="3"/>
      <c r="K50" s="142" t="s">
        <v>427</v>
      </c>
    </row>
    <row r="51" spans="1:12" x14ac:dyDescent="0.2">
      <c r="A51" s="22" t="s">
        <v>20</v>
      </c>
      <c r="B51" s="3"/>
      <c r="C51" s="143" t="s">
        <v>427</v>
      </c>
      <c r="E51" s="22" t="s">
        <v>20</v>
      </c>
      <c r="F51" s="3"/>
      <c r="G51" s="143" t="s">
        <v>427</v>
      </c>
      <c r="I51" s="22" t="s">
        <v>20</v>
      </c>
      <c r="J51" s="3"/>
      <c r="K51" s="143" t="s">
        <v>427</v>
      </c>
    </row>
    <row r="52" spans="1:12" x14ac:dyDescent="0.2">
      <c r="A52" s="22" t="s">
        <v>9</v>
      </c>
      <c r="B52" s="3"/>
      <c r="C52" s="143" t="s">
        <v>427</v>
      </c>
      <c r="E52" s="22" t="s">
        <v>9</v>
      </c>
      <c r="F52" s="3"/>
      <c r="G52" s="143" t="s">
        <v>427</v>
      </c>
      <c r="I52" s="22" t="s">
        <v>9</v>
      </c>
      <c r="J52" s="3"/>
      <c r="K52" s="143" t="s">
        <v>427</v>
      </c>
    </row>
    <row r="53" spans="1:12" x14ac:dyDescent="0.2">
      <c r="A53" s="24" t="s">
        <v>133</v>
      </c>
      <c r="B53" s="3"/>
      <c r="C53" s="143" t="s">
        <v>427</v>
      </c>
      <c r="E53" s="24" t="s">
        <v>133</v>
      </c>
      <c r="F53" s="3"/>
      <c r="G53" s="143" t="s">
        <v>427</v>
      </c>
      <c r="I53" s="24" t="s">
        <v>133</v>
      </c>
      <c r="J53" s="3"/>
      <c r="K53" s="143" t="s">
        <v>427</v>
      </c>
    </row>
    <row r="54" spans="1:12" x14ac:dyDescent="0.2">
      <c r="A54" s="24" t="s">
        <v>148</v>
      </c>
      <c r="B54" s="3"/>
      <c r="C54" s="142" t="s">
        <v>427</v>
      </c>
      <c r="E54" s="24" t="s">
        <v>148</v>
      </c>
      <c r="F54" s="3"/>
      <c r="G54" s="142" t="s">
        <v>427</v>
      </c>
      <c r="I54" s="24" t="s">
        <v>148</v>
      </c>
      <c r="J54" s="3"/>
      <c r="K54" s="142" t="s">
        <v>427</v>
      </c>
    </row>
    <row r="55" spans="1:12" x14ac:dyDescent="0.2">
      <c r="A55" s="24" t="s">
        <v>16</v>
      </c>
      <c r="B55" s="3"/>
      <c r="C55" t="s">
        <v>494</v>
      </c>
      <c r="D55" s="142" t="s">
        <v>492</v>
      </c>
      <c r="E55" s="24" t="s">
        <v>16</v>
      </c>
      <c r="F55" s="3"/>
      <c r="G55" s="143" t="s">
        <v>427</v>
      </c>
      <c r="H55" s="13"/>
      <c r="I55" s="24" t="s">
        <v>16</v>
      </c>
      <c r="J55" s="3"/>
      <c r="K55" s="143" t="s">
        <v>427</v>
      </c>
      <c r="L55" s="13"/>
    </row>
    <row r="56" spans="1:12" x14ac:dyDescent="0.2">
      <c r="A56" s="22" t="s">
        <v>67</v>
      </c>
      <c r="B56" s="3"/>
      <c r="C56" s="143" t="s">
        <v>427</v>
      </c>
      <c r="E56" s="22" t="s">
        <v>67</v>
      </c>
      <c r="F56" s="3"/>
      <c r="G56" s="143" t="s">
        <v>427</v>
      </c>
      <c r="I56" s="22" t="s">
        <v>67</v>
      </c>
      <c r="J56" s="3"/>
      <c r="K56" s="143" t="s">
        <v>427</v>
      </c>
    </row>
    <row r="57" spans="1:12" x14ac:dyDescent="0.2">
      <c r="A57" s="24" t="s">
        <v>11</v>
      </c>
      <c r="B57" s="3"/>
      <c r="C57" s="143" t="s">
        <v>427</v>
      </c>
      <c r="E57" s="24" t="s">
        <v>11</v>
      </c>
      <c r="F57" s="3"/>
      <c r="G57" s="143" t="s">
        <v>427</v>
      </c>
      <c r="I57" s="24" t="s">
        <v>11</v>
      </c>
      <c r="J57" s="3"/>
      <c r="K57" s="143" t="s">
        <v>427</v>
      </c>
    </row>
    <row r="58" spans="1:12" x14ac:dyDescent="0.2">
      <c r="A58" s="22" t="s">
        <v>136</v>
      </c>
      <c r="B58" s="3"/>
      <c r="C58" s="143" t="s">
        <v>427</v>
      </c>
      <c r="E58" s="22" t="s">
        <v>136</v>
      </c>
      <c r="F58" s="3"/>
      <c r="G58" s="143" t="s">
        <v>427</v>
      </c>
      <c r="I58" s="22" t="s">
        <v>136</v>
      </c>
      <c r="J58" s="3"/>
      <c r="K58" s="143" t="s">
        <v>427</v>
      </c>
    </row>
    <row r="59" spans="1:12" x14ac:dyDescent="0.2">
      <c r="A59" s="22" t="s">
        <v>22</v>
      </c>
      <c r="B59" s="3"/>
      <c r="C59" s="143" t="s">
        <v>427</v>
      </c>
      <c r="E59" s="22" t="s">
        <v>22</v>
      </c>
      <c r="F59" s="3"/>
      <c r="G59" s="143" t="s">
        <v>427</v>
      </c>
      <c r="I59" s="22" t="s">
        <v>22</v>
      </c>
      <c r="J59" s="3"/>
      <c r="K59" s="143" t="s">
        <v>427</v>
      </c>
    </row>
    <row r="60" spans="1:12" x14ac:dyDescent="0.2">
      <c r="A60" s="22" t="s">
        <v>7</v>
      </c>
      <c r="B60" s="3"/>
      <c r="C60" s="143" t="s">
        <v>427</v>
      </c>
      <c r="E60" s="22" t="s">
        <v>7</v>
      </c>
      <c r="F60" s="3"/>
      <c r="G60" s="143" t="s">
        <v>427</v>
      </c>
      <c r="I60" s="22" t="s">
        <v>7</v>
      </c>
      <c r="J60" s="3"/>
      <c r="K60" s="143" t="s">
        <v>427</v>
      </c>
    </row>
    <row r="61" spans="1:12" x14ac:dyDescent="0.2">
      <c r="A61" s="22" t="s">
        <v>26</v>
      </c>
      <c r="B61" s="3"/>
      <c r="C61" s="101" t="s">
        <v>427</v>
      </c>
      <c r="E61" s="22" t="s">
        <v>26</v>
      </c>
      <c r="F61" s="3"/>
      <c r="G61" s="101" t="s">
        <v>427</v>
      </c>
      <c r="I61" s="22" t="s">
        <v>26</v>
      </c>
      <c r="J61" s="3"/>
      <c r="K61" s="101" t="s">
        <v>427</v>
      </c>
    </row>
    <row r="62" spans="1:12" x14ac:dyDescent="0.2">
      <c r="A62" s="22" t="s">
        <v>25</v>
      </c>
      <c r="B62" s="3"/>
      <c r="C62" s="143" t="s">
        <v>427</v>
      </c>
      <c r="E62" s="22" t="s">
        <v>25</v>
      </c>
      <c r="F62" s="3"/>
      <c r="G62" s="143" t="s">
        <v>427</v>
      </c>
      <c r="I62" s="22" t="s">
        <v>25</v>
      </c>
      <c r="J62" s="3"/>
      <c r="K62" s="143" t="s">
        <v>427</v>
      </c>
    </row>
    <row r="63" spans="1:12" x14ac:dyDescent="0.2">
      <c r="A63" s="22" t="s">
        <v>120</v>
      </c>
      <c r="B63" s="3"/>
      <c r="C63" s="143" t="s">
        <v>427</v>
      </c>
      <c r="E63" s="22" t="s">
        <v>120</v>
      </c>
      <c r="F63" s="3"/>
      <c r="G63" s="143" t="s">
        <v>427</v>
      </c>
      <c r="I63" s="22" t="s">
        <v>120</v>
      </c>
      <c r="J63" s="3"/>
      <c r="K63" s="143" t="s">
        <v>427</v>
      </c>
    </row>
    <row r="64" spans="1:12" x14ac:dyDescent="0.2">
      <c r="A64" s="22" t="s">
        <v>12</v>
      </c>
      <c r="B64" s="3"/>
      <c r="C64" s="143" t="s">
        <v>427</v>
      </c>
      <c r="E64" s="22" t="s">
        <v>12</v>
      </c>
      <c r="F64" s="3"/>
      <c r="G64" s="143" t="s">
        <v>427</v>
      </c>
      <c r="I64" s="22" t="s">
        <v>12</v>
      </c>
      <c r="J64" s="3"/>
      <c r="K64" s="143" t="s">
        <v>427</v>
      </c>
    </row>
    <row r="65" spans="1:12" x14ac:dyDescent="0.2">
      <c r="A65" s="22" t="s">
        <v>8</v>
      </c>
      <c r="B65" s="3"/>
      <c r="C65" s="143" t="s">
        <v>427</v>
      </c>
      <c r="E65" s="22" t="s">
        <v>8</v>
      </c>
      <c r="F65" s="3"/>
      <c r="G65" s="143" t="s">
        <v>427</v>
      </c>
      <c r="I65" s="22" t="s">
        <v>8</v>
      </c>
      <c r="J65" s="3"/>
      <c r="K65" s="143" t="s">
        <v>427</v>
      </c>
    </row>
    <row r="66" spans="1:12" x14ac:dyDescent="0.2">
      <c r="A66" s="22" t="s">
        <v>13</v>
      </c>
      <c r="B66" s="3"/>
      <c r="C66" s="143" t="s">
        <v>427</v>
      </c>
      <c r="E66" s="22" t="s">
        <v>13</v>
      </c>
      <c r="F66" s="3"/>
      <c r="G66" s="143" t="s">
        <v>427</v>
      </c>
      <c r="I66" s="22" t="s">
        <v>13</v>
      </c>
      <c r="J66" s="3"/>
      <c r="K66" s="143" t="s">
        <v>427</v>
      </c>
    </row>
    <row r="67" spans="1:12" x14ac:dyDescent="0.2">
      <c r="A67" s="22" t="s">
        <v>28</v>
      </c>
      <c r="B67" s="3"/>
      <c r="C67" t="s">
        <v>513</v>
      </c>
      <c r="D67" s="142" t="s">
        <v>514</v>
      </c>
      <c r="E67" s="22" t="s">
        <v>28</v>
      </c>
      <c r="F67" s="3"/>
      <c r="G67" t="s">
        <v>516</v>
      </c>
      <c r="H67" s="142" t="s">
        <v>515</v>
      </c>
      <c r="I67" s="22" t="s">
        <v>28</v>
      </c>
      <c r="J67" s="3"/>
      <c r="K67" t="s">
        <v>517</v>
      </c>
      <c r="L67" s="142" t="s">
        <v>518</v>
      </c>
    </row>
    <row r="68" spans="1:12" x14ac:dyDescent="0.2">
      <c r="C68" s="7"/>
      <c r="G68" s="7"/>
    </row>
  </sheetData>
  <conditionalFormatting sqref="D8">
    <cfRule type="duplicateValues" dxfId="439" priority="767" stopIfTrue="1"/>
    <cfRule type="duplicateValues" dxfId="438" priority="768" stopIfTrue="1"/>
  </conditionalFormatting>
  <conditionalFormatting sqref="D9">
    <cfRule type="duplicateValues" dxfId="437" priority="764" stopIfTrue="1"/>
    <cfRule type="duplicateValues" dxfId="436" priority="765" stopIfTrue="1"/>
  </conditionalFormatting>
  <conditionalFormatting sqref="D10">
    <cfRule type="duplicateValues" dxfId="435" priority="761" stopIfTrue="1"/>
    <cfRule type="duplicateValues" dxfId="434" priority="762" stopIfTrue="1"/>
  </conditionalFormatting>
  <conditionalFormatting sqref="D11">
    <cfRule type="duplicateValues" dxfId="433" priority="759" stopIfTrue="1"/>
    <cfRule type="duplicateValues" dxfId="432" priority="760" stopIfTrue="1"/>
  </conditionalFormatting>
  <conditionalFormatting sqref="D12">
    <cfRule type="duplicateValues" dxfId="431" priority="756" stopIfTrue="1"/>
    <cfRule type="duplicateValues" dxfId="430" priority="757" stopIfTrue="1"/>
  </conditionalFormatting>
  <conditionalFormatting sqref="D17">
    <cfRule type="duplicateValues" dxfId="429" priority="747" stopIfTrue="1"/>
    <cfRule type="duplicateValues" dxfId="428" priority="748" stopIfTrue="1"/>
  </conditionalFormatting>
  <conditionalFormatting sqref="D20">
    <cfRule type="duplicateValues" dxfId="427" priority="744" stopIfTrue="1"/>
    <cfRule type="duplicateValues" dxfId="426" priority="745" stopIfTrue="1"/>
  </conditionalFormatting>
  <conditionalFormatting sqref="D21">
    <cfRule type="duplicateValues" dxfId="425" priority="741" stopIfTrue="1"/>
    <cfRule type="duplicateValues" dxfId="424" priority="742" stopIfTrue="1"/>
  </conditionalFormatting>
  <conditionalFormatting sqref="H21">
    <cfRule type="duplicateValues" dxfId="423" priority="738" stopIfTrue="1"/>
    <cfRule type="duplicateValues" dxfId="422" priority="739" stopIfTrue="1"/>
  </conditionalFormatting>
  <conditionalFormatting sqref="D23">
    <cfRule type="duplicateValues" dxfId="421" priority="733" stopIfTrue="1"/>
    <cfRule type="duplicateValues" dxfId="420" priority="734" stopIfTrue="1"/>
  </conditionalFormatting>
  <conditionalFormatting sqref="H24">
    <cfRule type="duplicateValues" dxfId="419" priority="723" stopIfTrue="1"/>
    <cfRule type="duplicateValues" dxfId="418" priority="724" stopIfTrue="1"/>
  </conditionalFormatting>
  <conditionalFormatting sqref="D33">
    <cfRule type="duplicateValues" dxfId="417" priority="707" stopIfTrue="1"/>
    <cfRule type="duplicateValues" dxfId="416" priority="708" stopIfTrue="1"/>
  </conditionalFormatting>
  <conditionalFormatting sqref="H9">
    <cfRule type="duplicateValues" dxfId="415" priority="700" stopIfTrue="1"/>
    <cfRule type="duplicateValues" dxfId="414" priority="701" stopIfTrue="1"/>
  </conditionalFormatting>
  <conditionalFormatting sqref="H10">
    <cfRule type="duplicateValues" dxfId="413" priority="696" stopIfTrue="1"/>
    <cfRule type="duplicateValues" dxfId="412" priority="697" stopIfTrue="1"/>
  </conditionalFormatting>
  <conditionalFormatting sqref="H12">
    <cfRule type="duplicateValues" dxfId="411" priority="691" stopIfTrue="1"/>
    <cfRule type="duplicateValues" dxfId="410" priority="692" stopIfTrue="1"/>
  </conditionalFormatting>
  <conditionalFormatting sqref="H13">
    <cfRule type="duplicateValues" dxfId="409" priority="688" stopIfTrue="1"/>
    <cfRule type="duplicateValues" dxfId="408" priority="689" stopIfTrue="1"/>
  </conditionalFormatting>
  <conditionalFormatting sqref="H14">
    <cfRule type="duplicateValues" dxfId="407" priority="687" stopIfTrue="1"/>
  </conditionalFormatting>
  <conditionalFormatting sqref="H15">
    <cfRule type="duplicateValues" dxfId="406" priority="686" stopIfTrue="1"/>
  </conditionalFormatting>
  <conditionalFormatting sqref="P15">
    <cfRule type="duplicateValues" dxfId="405" priority="685" stopIfTrue="1"/>
  </conditionalFormatting>
  <conditionalFormatting sqref="T15">
    <cfRule type="duplicateValues" dxfId="404" priority="680" stopIfTrue="1"/>
  </conditionalFormatting>
  <conditionalFormatting sqref="H16">
    <cfRule type="duplicateValues" dxfId="403" priority="677" stopIfTrue="1"/>
  </conditionalFormatting>
  <conditionalFormatting sqref="L16">
    <cfRule type="duplicateValues" dxfId="402" priority="676" stopIfTrue="1"/>
  </conditionalFormatting>
  <conditionalFormatting sqref="T16">
    <cfRule type="duplicateValues" dxfId="401" priority="674" stopIfTrue="1"/>
  </conditionalFormatting>
  <conditionalFormatting sqref="D47">
    <cfRule type="duplicateValues" dxfId="400" priority="669" stopIfTrue="1"/>
  </conditionalFormatting>
  <conditionalFormatting sqref="D48">
    <cfRule type="duplicateValues" dxfId="399" priority="668" stopIfTrue="1"/>
  </conditionalFormatting>
  <conditionalFormatting sqref="H17">
    <cfRule type="duplicateValues" dxfId="398" priority="666" stopIfTrue="1"/>
    <cfRule type="duplicateValues" dxfId="397" priority="667" stopIfTrue="1"/>
  </conditionalFormatting>
  <conditionalFormatting sqref="L17">
    <cfRule type="duplicateValues" dxfId="396" priority="663" stopIfTrue="1"/>
    <cfRule type="duplicateValues" dxfId="395" priority="664" stopIfTrue="1"/>
  </conditionalFormatting>
  <conditionalFormatting sqref="H20">
    <cfRule type="duplicateValues" dxfId="394" priority="660" stopIfTrue="1"/>
    <cfRule type="duplicateValues" dxfId="393" priority="661" stopIfTrue="1"/>
  </conditionalFormatting>
  <conditionalFormatting sqref="L20">
    <cfRule type="duplicateValues" dxfId="392" priority="657" stopIfTrue="1"/>
    <cfRule type="duplicateValues" dxfId="391" priority="658" stopIfTrue="1"/>
  </conditionalFormatting>
  <conditionalFormatting sqref="H26">
    <cfRule type="duplicateValues" dxfId="390" priority="655" stopIfTrue="1"/>
  </conditionalFormatting>
  <conditionalFormatting sqref="L27">
    <cfRule type="duplicateValues" dxfId="389" priority="648" stopIfTrue="1"/>
    <cfRule type="duplicateValues" dxfId="388" priority="649" stopIfTrue="1"/>
  </conditionalFormatting>
  <conditionalFormatting sqref="P27">
    <cfRule type="duplicateValues" dxfId="387" priority="646" stopIfTrue="1"/>
    <cfRule type="duplicateValues" dxfId="386" priority="647" stopIfTrue="1"/>
  </conditionalFormatting>
  <conditionalFormatting sqref="H31">
    <cfRule type="duplicateValues" dxfId="385" priority="641" stopIfTrue="1"/>
    <cfRule type="duplicateValues" dxfId="384" priority="642" stopIfTrue="1"/>
  </conditionalFormatting>
  <conditionalFormatting sqref="L10">
    <cfRule type="duplicateValues" dxfId="383" priority="633" stopIfTrue="1"/>
    <cfRule type="duplicateValues" dxfId="382" priority="634" stopIfTrue="1"/>
  </conditionalFormatting>
  <conditionalFormatting sqref="L11">
    <cfRule type="duplicateValues" dxfId="381" priority="631" stopIfTrue="1"/>
    <cfRule type="duplicateValues" dxfId="380" priority="632" stopIfTrue="1"/>
  </conditionalFormatting>
  <conditionalFormatting sqref="L14">
    <cfRule type="duplicateValues" dxfId="379" priority="630" stopIfTrue="1"/>
  </conditionalFormatting>
  <conditionalFormatting sqref="L29">
    <cfRule type="duplicateValues" dxfId="378" priority="625" stopIfTrue="1"/>
  </conditionalFormatting>
  <conditionalFormatting sqref="L31">
    <cfRule type="duplicateValues" dxfId="377" priority="622" stopIfTrue="1"/>
    <cfRule type="duplicateValues" dxfId="376" priority="623" stopIfTrue="1"/>
  </conditionalFormatting>
  <conditionalFormatting sqref="P14">
    <cfRule type="duplicateValues" dxfId="375" priority="620" stopIfTrue="1"/>
  </conditionalFormatting>
  <conditionalFormatting sqref="P29">
    <cfRule type="duplicateValues" dxfId="374" priority="619" stopIfTrue="1"/>
  </conditionalFormatting>
  <conditionalFormatting sqref="T29">
    <cfRule type="duplicateValues" dxfId="373" priority="617" stopIfTrue="1"/>
  </conditionalFormatting>
  <conditionalFormatting sqref="H55">
    <cfRule type="duplicateValues" dxfId="372" priority="601" stopIfTrue="1"/>
  </conditionalFormatting>
  <conditionalFormatting sqref="H47">
    <cfRule type="duplicateValues" dxfId="371" priority="595" stopIfTrue="1"/>
  </conditionalFormatting>
  <conditionalFormatting sqref="H48">
    <cfRule type="duplicateValues" dxfId="370" priority="594" stopIfTrue="1"/>
  </conditionalFormatting>
  <conditionalFormatting sqref="T17">
    <cfRule type="duplicateValues" dxfId="369" priority="587" stopIfTrue="1"/>
  </conditionalFormatting>
  <conditionalFormatting sqref="C8">
    <cfRule type="duplicateValues" dxfId="368" priority="586" stopIfTrue="1"/>
  </conditionalFormatting>
  <conditionalFormatting sqref="C9">
    <cfRule type="duplicateValues" dxfId="367" priority="585" stopIfTrue="1"/>
  </conditionalFormatting>
  <conditionalFormatting sqref="C10">
    <cfRule type="duplicateValues" dxfId="366" priority="584" stopIfTrue="1"/>
  </conditionalFormatting>
  <conditionalFormatting sqref="C12">
    <cfRule type="duplicateValues" dxfId="365" priority="581" stopIfTrue="1"/>
  </conditionalFormatting>
  <conditionalFormatting sqref="C14">
    <cfRule type="duplicateValues" dxfId="364" priority="580" stopIfTrue="1"/>
  </conditionalFormatting>
  <conditionalFormatting sqref="C15">
    <cfRule type="duplicateValues" dxfId="363" priority="579" stopIfTrue="1"/>
  </conditionalFormatting>
  <conditionalFormatting sqref="C17">
    <cfRule type="duplicateValues" dxfId="362" priority="577" stopIfTrue="1"/>
  </conditionalFormatting>
  <conditionalFormatting sqref="C20">
    <cfRule type="duplicateValues" dxfId="361" priority="574" stopIfTrue="1"/>
  </conditionalFormatting>
  <conditionalFormatting sqref="C30">
    <cfRule type="duplicateValues" dxfId="360" priority="564" stopIfTrue="1"/>
  </conditionalFormatting>
  <conditionalFormatting sqref="C31">
    <cfRule type="duplicateValues" dxfId="359" priority="563" stopIfTrue="1"/>
  </conditionalFormatting>
  <conditionalFormatting sqref="G13">
    <cfRule type="duplicateValues" dxfId="358" priority="555" stopIfTrue="1"/>
  </conditionalFormatting>
  <conditionalFormatting sqref="G21">
    <cfRule type="duplicateValues" dxfId="357" priority="545" stopIfTrue="1"/>
  </conditionalFormatting>
  <conditionalFormatting sqref="G24">
    <cfRule type="duplicateValues" dxfId="356" priority="542" stopIfTrue="1"/>
  </conditionalFormatting>
  <conditionalFormatting sqref="G26">
    <cfRule type="duplicateValues" dxfId="355" priority="540" stopIfTrue="1"/>
  </conditionalFormatting>
  <conditionalFormatting sqref="G29">
    <cfRule type="duplicateValues" dxfId="354" priority="537" stopIfTrue="1"/>
  </conditionalFormatting>
  <conditionalFormatting sqref="G31">
    <cfRule type="duplicateValues" dxfId="353" priority="535" stopIfTrue="1"/>
  </conditionalFormatting>
  <conditionalFormatting sqref="G32">
    <cfRule type="duplicateValues" dxfId="352" priority="534" stopIfTrue="1"/>
  </conditionalFormatting>
  <conditionalFormatting sqref="K34">
    <cfRule type="duplicateValues" dxfId="351" priority="504" stopIfTrue="1"/>
  </conditionalFormatting>
  <conditionalFormatting sqref="C11">
    <cfRule type="duplicateValues" dxfId="350" priority="389" stopIfTrue="1"/>
    <cfRule type="duplicateValues" dxfId="349" priority="390" stopIfTrue="1"/>
  </conditionalFormatting>
  <conditionalFormatting sqref="C11">
    <cfRule type="duplicateValues" dxfId="348" priority="388" stopIfTrue="1"/>
  </conditionalFormatting>
  <conditionalFormatting sqref="C13">
    <cfRule type="duplicateValues" dxfId="347" priority="387"/>
  </conditionalFormatting>
  <conditionalFormatting sqref="D13">
    <cfRule type="duplicateValues" dxfId="346" priority="386"/>
  </conditionalFormatting>
  <conditionalFormatting sqref="C16">
    <cfRule type="duplicateValues" dxfId="345" priority="384" stopIfTrue="1"/>
    <cfRule type="duplicateValues" dxfId="344" priority="385" stopIfTrue="1"/>
  </conditionalFormatting>
  <conditionalFormatting sqref="C16">
    <cfRule type="duplicateValues" dxfId="343" priority="383" stopIfTrue="1"/>
  </conditionalFormatting>
  <conditionalFormatting sqref="D18">
    <cfRule type="duplicateValues" dxfId="342" priority="382"/>
  </conditionalFormatting>
  <conditionalFormatting sqref="C18">
    <cfRule type="duplicateValues" dxfId="341" priority="381"/>
  </conditionalFormatting>
  <conditionalFormatting sqref="C19">
    <cfRule type="duplicateValues" dxfId="340" priority="379" stopIfTrue="1"/>
    <cfRule type="duplicateValues" dxfId="339" priority="380" stopIfTrue="1"/>
  </conditionalFormatting>
  <conditionalFormatting sqref="C19">
    <cfRule type="duplicateValues" dxfId="338" priority="378" stopIfTrue="1"/>
  </conditionalFormatting>
  <conditionalFormatting sqref="D19">
    <cfRule type="duplicateValues" dxfId="337" priority="377"/>
  </conditionalFormatting>
  <conditionalFormatting sqref="C21">
    <cfRule type="duplicateValues" dxfId="336" priority="375" stopIfTrue="1"/>
    <cfRule type="duplicateValues" dxfId="335" priority="376" stopIfTrue="1"/>
  </conditionalFormatting>
  <conditionalFormatting sqref="C21">
    <cfRule type="duplicateValues" dxfId="334" priority="374" stopIfTrue="1"/>
  </conditionalFormatting>
  <conditionalFormatting sqref="G8">
    <cfRule type="duplicateValues" dxfId="333" priority="373" stopIfTrue="1"/>
  </conditionalFormatting>
  <conditionalFormatting sqref="G9">
    <cfRule type="duplicateValues" dxfId="332" priority="372" stopIfTrue="1"/>
  </conditionalFormatting>
  <conditionalFormatting sqref="G10">
    <cfRule type="duplicateValues" dxfId="331" priority="371" stopIfTrue="1"/>
  </conditionalFormatting>
  <conditionalFormatting sqref="G12">
    <cfRule type="duplicateValues" dxfId="330" priority="370" stopIfTrue="1"/>
  </conditionalFormatting>
  <conditionalFormatting sqref="G14">
    <cfRule type="duplicateValues" dxfId="329" priority="369" stopIfTrue="1"/>
  </conditionalFormatting>
  <conditionalFormatting sqref="G15">
    <cfRule type="duplicateValues" dxfId="328" priority="368" stopIfTrue="1"/>
  </conditionalFormatting>
  <conditionalFormatting sqref="G17">
    <cfRule type="duplicateValues" dxfId="327" priority="367" stopIfTrue="1"/>
  </conditionalFormatting>
  <conditionalFormatting sqref="G20">
    <cfRule type="duplicateValues" dxfId="326" priority="366" stopIfTrue="1"/>
  </conditionalFormatting>
  <conditionalFormatting sqref="C22">
    <cfRule type="duplicateValues" dxfId="325" priority="365"/>
  </conditionalFormatting>
  <conditionalFormatting sqref="D22">
    <cfRule type="duplicateValues" dxfId="324" priority="364"/>
  </conditionalFormatting>
  <conditionalFormatting sqref="C23">
    <cfRule type="duplicateValues" dxfId="323" priority="363"/>
  </conditionalFormatting>
  <conditionalFormatting sqref="C24">
    <cfRule type="duplicateValues" dxfId="322" priority="361" stopIfTrue="1"/>
    <cfRule type="duplicateValues" dxfId="321" priority="362" stopIfTrue="1"/>
  </conditionalFormatting>
  <conditionalFormatting sqref="C24">
    <cfRule type="duplicateValues" dxfId="320" priority="360" stopIfTrue="1"/>
  </conditionalFormatting>
  <conditionalFormatting sqref="D24">
    <cfRule type="duplicateValues" dxfId="319" priority="359"/>
  </conditionalFormatting>
  <conditionalFormatting sqref="C25">
    <cfRule type="duplicateValues" dxfId="318" priority="358"/>
  </conditionalFormatting>
  <conditionalFormatting sqref="C26">
    <cfRule type="duplicateValues" dxfId="317" priority="356" stopIfTrue="1"/>
    <cfRule type="duplicateValues" dxfId="316" priority="357" stopIfTrue="1"/>
  </conditionalFormatting>
  <conditionalFormatting sqref="C26">
    <cfRule type="duplicateValues" dxfId="315" priority="355" stopIfTrue="1"/>
  </conditionalFormatting>
  <conditionalFormatting sqref="D26">
    <cfRule type="duplicateValues" dxfId="314" priority="354"/>
  </conditionalFormatting>
  <conditionalFormatting sqref="C27">
    <cfRule type="duplicateValues" dxfId="313" priority="352" stopIfTrue="1"/>
    <cfRule type="duplicateValues" dxfId="312" priority="353" stopIfTrue="1"/>
  </conditionalFormatting>
  <conditionalFormatting sqref="C27">
    <cfRule type="duplicateValues" dxfId="311" priority="351" stopIfTrue="1"/>
  </conditionalFormatting>
  <conditionalFormatting sqref="D27">
    <cfRule type="duplicateValues" dxfId="310" priority="350"/>
  </conditionalFormatting>
  <conditionalFormatting sqref="D28">
    <cfRule type="duplicateValues" dxfId="309" priority="349"/>
  </conditionalFormatting>
  <conditionalFormatting sqref="C28">
    <cfRule type="duplicateValues" dxfId="308" priority="347" stopIfTrue="1"/>
    <cfRule type="duplicateValues" dxfId="307" priority="348" stopIfTrue="1"/>
  </conditionalFormatting>
  <conditionalFormatting sqref="C28">
    <cfRule type="duplicateValues" dxfId="306" priority="346" stopIfTrue="1"/>
  </conditionalFormatting>
  <conditionalFormatting sqref="C29">
    <cfRule type="duplicateValues" dxfId="305" priority="345"/>
  </conditionalFormatting>
  <conditionalFormatting sqref="D29">
    <cfRule type="duplicateValues" dxfId="304" priority="344"/>
  </conditionalFormatting>
  <conditionalFormatting sqref="H29">
    <cfRule type="duplicateValues" dxfId="303" priority="343"/>
  </conditionalFormatting>
  <conditionalFormatting sqref="G30">
    <cfRule type="duplicateValues" dxfId="302" priority="342" stopIfTrue="1"/>
  </conditionalFormatting>
  <conditionalFormatting sqref="D31">
    <cfRule type="duplicateValues" dxfId="301" priority="341"/>
  </conditionalFormatting>
  <conditionalFormatting sqref="C32">
    <cfRule type="duplicateValues" dxfId="300" priority="339" stopIfTrue="1"/>
    <cfRule type="duplicateValues" dxfId="299" priority="340" stopIfTrue="1"/>
  </conditionalFormatting>
  <conditionalFormatting sqref="C32">
    <cfRule type="duplicateValues" dxfId="298" priority="338" stopIfTrue="1"/>
  </conditionalFormatting>
  <conditionalFormatting sqref="D32">
    <cfRule type="duplicateValues" dxfId="297" priority="337"/>
  </conditionalFormatting>
  <conditionalFormatting sqref="C33">
    <cfRule type="duplicateValues" dxfId="296" priority="336"/>
  </conditionalFormatting>
  <conditionalFormatting sqref="C34">
    <cfRule type="duplicateValues" dxfId="295" priority="334" stopIfTrue="1"/>
    <cfRule type="duplicateValues" dxfId="294" priority="335" stopIfTrue="1"/>
  </conditionalFormatting>
  <conditionalFormatting sqref="C34">
    <cfRule type="duplicateValues" dxfId="293" priority="333" stopIfTrue="1"/>
  </conditionalFormatting>
  <conditionalFormatting sqref="D34">
    <cfRule type="duplicateValues" dxfId="292" priority="332"/>
  </conditionalFormatting>
  <conditionalFormatting sqref="C35">
    <cfRule type="duplicateValues" dxfId="291" priority="331"/>
  </conditionalFormatting>
  <conditionalFormatting sqref="D35">
    <cfRule type="duplicateValues" dxfId="290" priority="330"/>
  </conditionalFormatting>
  <conditionalFormatting sqref="G11">
    <cfRule type="duplicateValues" dxfId="289" priority="328" stopIfTrue="1"/>
    <cfRule type="duplicateValues" dxfId="288" priority="329" stopIfTrue="1"/>
  </conditionalFormatting>
  <conditionalFormatting sqref="G11">
    <cfRule type="duplicateValues" dxfId="287" priority="327" stopIfTrue="1"/>
  </conditionalFormatting>
  <conditionalFormatting sqref="H11">
    <cfRule type="duplicateValues" dxfId="286" priority="326"/>
  </conditionalFormatting>
  <conditionalFormatting sqref="G18">
    <cfRule type="duplicateValues" dxfId="285" priority="325"/>
  </conditionalFormatting>
  <conditionalFormatting sqref="K13">
    <cfRule type="duplicateValues" dxfId="284" priority="324" stopIfTrue="1"/>
  </conditionalFormatting>
  <conditionalFormatting sqref="K16">
    <cfRule type="duplicateValues" dxfId="283" priority="323" stopIfTrue="1"/>
  </conditionalFormatting>
  <conditionalFormatting sqref="K21">
    <cfRule type="duplicateValues" dxfId="282" priority="321" stopIfTrue="1"/>
  </conditionalFormatting>
  <conditionalFormatting sqref="K24">
    <cfRule type="duplicateValues" dxfId="281" priority="318" stopIfTrue="1"/>
  </conditionalFormatting>
  <conditionalFormatting sqref="K26">
    <cfRule type="duplicateValues" dxfId="280" priority="316" stopIfTrue="1"/>
  </conditionalFormatting>
  <conditionalFormatting sqref="K27">
    <cfRule type="duplicateValues" dxfId="279" priority="315" stopIfTrue="1"/>
  </conditionalFormatting>
  <conditionalFormatting sqref="K29">
    <cfRule type="duplicateValues" dxfId="278" priority="313" stopIfTrue="1"/>
  </conditionalFormatting>
  <conditionalFormatting sqref="K31">
    <cfRule type="duplicateValues" dxfId="277" priority="312" stopIfTrue="1"/>
  </conditionalFormatting>
  <conditionalFormatting sqref="K32">
    <cfRule type="duplicateValues" dxfId="276" priority="311" stopIfTrue="1"/>
  </conditionalFormatting>
  <conditionalFormatting sqref="K8">
    <cfRule type="duplicateValues" dxfId="275" priority="310" stopIfTrue="1"/>
  </conditionalFormatting>
  <conditionalFormatting sqref="K9">
    <cfRule type="duplicateValues" dxfId="274" priority="309" stopIfTrue="1"/>
  </conditionalFormatting>
  <conditionalFormatting sqref="K10">
    <cfRule type="duplicateValues" dxfId="273" priority="308" stopIfTrue="1"/>
  </conditionalFormatting>
  <conditionalFormatting sqref="K12">
    <cfRule type="duplicateValues" dxfId="272" priority="307" stopIfTrue="1"/>
  </conditionalFormatting>
  <conditionalFormatting sqref="K14">
    <cfRule type="duplicateValues" dxfId="271" priority="306" stopIfTrue="1"/>
  </conditionalFormatting>
  <conditionalFormatting sqref="K15">
    <cfRule type="duplicateValues" dxfId="270" priority="305" stopIfTrue="1"/>
  </conditionalFormatting>
  <conditionalFormatting sqref="K17">
    <cfRule type="duplicateValues" dxfId="269" priority="304" stopIfTrue="1"/>
  </conditionalFormatting>
  <conditionalFormatting sqref="K20">
    <cfRule type="duplicateValues" dxfId="268" priority="303" stopIfTrue="1"/>
  </conditionalFormatting>
  <conditionalFormatting sqref="K30">
    <cfRule type="duplicateValues" dxfId="267" priority="302" stopIfTrue="1"/>
  </conditionalFormatting>
  <conditionalFormatting sqref="K18">
    <cfRule type="duplicateValues" dxfId="266" priority="298"/>
  </conditionalFormatting>
  <conditionalFormatting sqref="G19">
    <cfRule type="duplicateValues" dxfId="265" priority="296" stopIfTrue="1"/>
    <cfRule type="duplicateValues" dxfId="264" priority="297" stopIfTrue="1"/>
  </conditionalFormatting>
  <conditionalFormatting sqref="G19">
    <cfRule type="duplicateValues" dxfId="263" priority="295" stopIfTrue="1"/>
  </conditionalFormatting>
  <conditionalFormatting sqref="H19">
    <cfRule type="duplicateValues" dxfId="262" priority="294"/>
  </conditionalFormatting>
  <conditionalFormatting sqref="G22">
    <cfRule type="duplicateValues" dxfId="261" priority="293"/>
  </conditionalFormatting>
  <conditionalFormatting sqref="H22">
    <cfRule type="duplicateValues" dxfId="260" priority="292"/>
  </conditionalFormatting>
  <conditionalFormatting sqref="G23">
    <cfRule type="duplicateValues" dxfId="259" priority="290" stopIfTrue="1"/>
    <cfRule type="duplicateValues" dxfId="258" priority="291" stopIfTrue="1"/>
  </conditionalFormatting>
  <conditionalFormatting sqref="G23">
    <cfRule type="duplicateValues" dxfId="257" priority="289" stopIfTrue="1"/>
  </conditionalFormatting>
  <conditionalFormatting sqref="H23">
    <cfRule type="duplicateValues" dxfId="256" priority="288"/>
  </conditionalFormatting>
  <conditionalFormatting sqref="G25:H25">
    <cfRule type="duplicateValues" dxfId="255" priority="286" stopIfTrue="1"/>
    <cfRule type="duplicateValues" dxfId="254" priority="287" stopIfTrue="1"/>
  </conditionalFormatting>
  <conditionalFormatting sqref="G25:H25">
    <cfRule type="duplicateValues" dxfId="253" priority="285" stopIfTrue="1"/>
  </conditionalFormatting>
  <conditionalFormatting sqref="G27">
    <cfRule type="duplicateValues" dxfId="252" priority="283" stopIfTrue="1"/>
    <cfRule type="duplicateValues" dxfId="251" priority="284" stopIfTrue="1"/>
  </conditionalFormatting>
  <conditionalFormatting sqref="G27">
    <cfRule type="duplicateValues" dxfId="250" priority="282" stopIfTrue="1"/>
  </conditionalFormatting>
  <conditionalFormatting sqref="H27">
    <cfRule type="duplicateValues" dxfId="249" priority="281"/>
  </conditionalFormatting>
  <conditionalFormatting sqref="G28">
    <cfRule type="duplicateValues" dxfId="248" priority="280"/>
  </conditionalFormatting>
  <conditionalFormatting sqref="H28">
    <cfRule type="duplicateValues" dxfId="247" priority="279"/>
  </conditionalFormatting>
  <conditionalFormatting sqref="G33">
    <cfRule type="duplicateValues" dxfId="246" priority="277" stopIfTrue="1"/>
    <cfRule type="duplicateValues" dxfId="245" priority="278" stopIfTrue="1"/>
  </conditionalFormatting>
  <conditionalFormatting sqref="G33">
    <cfRule type="duplicateValues" dxfId="244" priority="276" stopIfTrue="1"/>
  </conditionalFormatting>
  <conditionalFormatting sqref="H34">
    <cfRule type="duplicateValues" dxfId="243" priority="275"/>
  </conditionalFormatting>
  <conditionalFormatting sqref="G34">
    <cfRule type="duplicateValues" dxfId="242" priority="273" stopIfTrue="1"/>
    <cfRule type="duplicateValues" dxfId="241" priority="274" stopIfTrue="1"/>
  </conditionalFormatting>
  <conditionalFormatting sqref="G34">
    <cfRule type="duplicateValues" dxfId="240" priority="272" stopIfTrue="1"/>
  </conditionalFormatting>
  <conditionalFormatting sqref="O34">
    <cfRule type="duplicateValues" dxfId="239" priority="270" stopIfTrue="1"/>
  </conditionalFormatting>
  <conditionalFormatting sqref="O13">
    <cfRule type="duplicateValues" dxfId="238" priority="268" stopIfTrue="1"/>
  </conditionalFormatting>
  <conditionalFormatting sqref="O16">
    <cfRule type="duplicateValues" dxfId="237" priority="267" stopIfTrue="1"/>
  </conditionalFormatting>
  <conditionalFormatting sqref="O21">
    <cfRule type="duplicateValues" dxfId="236" priority="265" stopIfTrue="1"/>
  </conditionalFormatting>
  <conditionalFormatting sqref="O24">
    <cfRule type="duplicateValues" dxfId="235" priority="262" stopIfTrue="1"/>
  </conditionalFormatting>
  <conditionalFormatting sqref="O26">
    <cfRule type="duplicateValues" dxfId="234" priority="260" stopIfTrue="1"/>
  </conditionalFormatting>
  <conditionalFormatting sqref="O27">
    <cfRule type="duplicateValues" dxfId="233" priority="259" stopIfTrue="1"/>
  </conditionalFormatting>
  <conditionalFormatting sqref="O29">
    <cfRule type="duplicateValues" dxfId="232" priority="257" stopIfTrue="1"/>
  </conditionalFormatting>
  <conditionalFormatting sqref="O31">
    <cfRule type="duplicateValues" dxfId="231" priority="256" stopIfTrue="1"/>
  </conditionalFormatting>
  <conditionalFormatting sqref="O32">
    <cfRule type="duplicateValues" dxfId="230" priority="255" stopIfTrue="1"/>
  </conditionalFormatting>
  <conditionalFormatting sqref="O8">
    <cfRule type="duplicateValues" dxfId="229" priority="254" stopIfTrue="1"/>
  </conditionalFormatting>
  <conditionalFormatting sqref="O9">
    <cfRule type="duplicateValues" dxfId="228" priority="253" stopIfTrue="1"/>
  </conditionalFormatting>
  <conditionalFormatting sqref="O10">
    <cfRule type="duplicateValues" dxfId="227" priority="252" stopIfTrue="1"/>
  </conditionalFormatting>
  <conditionalFormatting sqref="O12">
    <cfRule type="duplicateValues" dxfId="226" priority="251" stopIfTrue="1"/>
  </conditionalFormatting>
  <conditionalFormatting sqref="O14">
    <cfRule type="duplicateValues" dxfId="225" priority="250" stopIfTrue="1"/>
  </conditionalFormatting>
  <conditionalFormatting sqref="O15">
    <cfRule type="duplicateValues" dxfId="224" priority="249" stopIfTrue="1"/>
  </conditionalFormatting>
  <conditionalFormatting sqref="O17">
    <cfRule type="duplicateValues" dxfId="223" priority="248" stopIfTrue="1"/>
  </conditionalFormatting>
  <conditionalFormatting sqref="O20">
    <cfRule type="duplicateValues" dxfId="222" priority="247" stopIfTrue="1"/>
  </conditionalFormatting>
  <conditionalFormatting sqref="O30">
    <cfRule type="duplicateValues" dxfId="221" priority="246" stopIfTrue="1"/>
  </conditionalFormatting>
  <conditionalFormatting sqref="O11">
    <cfRule type="duplicateValues" dxfId="220" priority="244" stopIfTrue="1"/>
    <cfRule type="duplicateValues" dxfId="219" priority="245" stopIfTrue="1"/>
  </conditionalFormatting>
  <conditionalFormatting sqref="O11">
    <cfRule type="duplicateValues" dxfId="218" priority="243" stopIfTrue="1"/>
  </conditionalFormatting>
  <conditionalFormatting sqref="O18">
    <cfRule type="duplicateValues" dxfId="217" priority="242"/>
  </conditionalFormatting>
  <conditionalFormatting sqref="G35">
    <cfRule type="duplicateValues" dxfId="216" priority="241"/>
  </conditionalFormatting>
  <conditionalFormatting sqref="H35">
    <cfRule type="duplicateValues" dxfId="215" priority="240"/>
  </conditionalFormatting>
  <conditionalFormatting sqref="K11">
    <cfRule type="duplicateValues" dxfId="214" priority="239"/>
  </conditionalFormatting>
  <conditionalFormatting sqref="K19">
    <cfRule type="duplicateValues" dxfId="213" priority="237" stopIfTrue="1"/>
    <cfRule type="duplicateValues" dxfId="212" priority="238" stopIfTrue="1"/>
  </conditionalFormatting>
  <conditionalFormatting sqref="K19">
    <cfRule type="duplicateValues" dxfId="211" priority="236" stopIfTrue="1"/>
  </conditionalFormatting>
  <conditionalFormatting sqref="L19">
    <cfRule type="duplicateValues" dxfId="210" priority="235"/>
  </conditionalFormatting>
  <conditionalFormatting sqref="K22">
    <cfRule type="duplicateValues" dxfId="209" priority="234"/>
  </conditionalFormatting>
  <conditionalFormatting sqref="O22">
    <cfRule type="duplicateValues" dxfId="208" priority="233"/>
  </conditionalFormatting>
  <conditionalFormatting sqref="S33">
    <cfRule type="duplicateValues" dxfId="207" priority="229" stopIfTrue="1"/>
  </conditionalFormatting>
  <conditionalFormatting sqref="S34">
    <cfRule type="duplicateValues" dxfId="206" priority="228" stopIfTrue="1"/>
  </conditionalFormatting>
  <conditionalFormatting sqref="S13">
    <cfRule type="duplicateValues" dxfId="205" priority="227" stopIfTrue="1"/>
  </conditionalFormatting>
  <conditionalFormatting sqref="S16">
    <cfRule type="duplicateValues" dxfId="204" priority="226" stopIfTrue="1"/>
  </conditionalFormatting>
  <conditionalFormatting sqref="S19">
    <cfRule type="duplicateValues" dxfId="203" priority="225" stopIfTrue="1"/>
  </conditionalFormatting>
  <conditionalFormatting sqref="S21">
    <cfRule type="duplicateValues" dxfId="202" priority="224" stopIfTrue="1"/>
  </conditionalFormatting>
  <conditionalFormatting sqref="S24">
    <cfRule type="duplicateValues" dxfId="201" priority="222" stopIfTrue="1"/>
  </conditionalFormatting>
  <conditionalFormatting sqref="S25">
    <cfRule type="duplicateValues" dxfId="200" priority="221" stopIfTrue="1"/>
  </conditionalFormatting>
  <conditionalFormatting sqref="S26">
    <cfRule type="duplicateValues" dxfId="199" priority="220" stopIfTrue="1"/>
  </conditionalFormatting>
  <conditionalFormatting sqref="S27">
    <cfRule type="duplicateValues" dxfId="198" priority="219" stopIfTrue="1"/>
  </conditionalFormatting>
  <conditionalFormatting sqref="S28">
    <cfRule type="duplicateValues" dxfId="197" priority="218" stopIfTrue="1"/>
  </conditionalFormatting>
  <conditionalFormatting sqref="S29">
    <cfRule type="duplicateValues" dxfId="196" priority="217" stopIfTrue="1"/>
  </conditionalFormatting>
  <conditionalFormatting sqref="S31">
    <cfRule type="duplicateValues" dxfId="195" priority="216" stopIfTrue="1"/>
  </conditionalFormatting>
  <conditionalFormatting sqref="S32">
    <cfRule type="duplicateValues" dxfId="194" priority="215" stopIfTrue="1"/>
  </conditionalFormatting>
  <conditionalFormatting sqref="S8">
    <cfRule type="duplicateValues" dxfId="193" priority="214" stopIfTrue="1"/>
  </conditionalFormatting>
  <conditionalFormatting sqref="S9">
    <cfRule type="duplicateValues" dxfId="192" priority="213" stopIfTrue="1"/>
  </conditionalFormatting>
  <conditionalFormatting sqref="S10">
    <cfRule type="duplicateValues" dxfId="191" priority="212" stopIfTrue="1"/>
  </conditionalFormatting>
  <conditionalFormatting sqref="S12">
    <cfRule type="duplicateValues" dxfId="190" priority="211" stopIfTrue="1"/>
  </conditionalFormatting>
  <conditionalFormatting sqref="S14">
    <cfRule type="duplicateValues" dxfId="189" priority="210" stopIfTrue="1"/>
  </conditionalFormatting>
  <conditionalFormatting sqref="S15">
    <cfRule type="duplicateValues" dxfId="188" priority="209" stopIfTrue="1"/>
  </conditionalFormatting>
  <conditionalFormatting sqref="S17">
    <cfRule type="duplicateValues" dxfId="187" priority="208" stopIfTrue="1"/>
  </conditionalFormatting>
  <conditionalFormatting sqref="S20">
    <cfRule type="duplicateValues" dxfId="186" priority="207" stopIfTrue="1"/>
  </conditionalFormatting>
  <conditionalFormatting sqref="S30">
    <cfRule type="duplicateValues" dxfId="185" priority="206" stopIfTrue="1"/>
  </conditionalFormatting>
  <conditionalFormatting sqref="S11">
    <cfRule type="duplicateValues" dxfId="184" priority="204" stopIfTrue="1"/>
    <cfRule type="duplicateValues" dxfId="183" priority="205" stopIfTrue="1"/>
  </conditionalFormatting>
  <conditionalFormatting sqref="S11">
    <cfRule type="duplicateValues" dxfId="182" priority="203" stopIfTrue="1"/>
  </conditionalFormatting>
  <conditionalFormatting sqref="S18">
    <cfRule type="duplicateValues" dxfId="181" priority="202"/>
  </conditionalFormatting>
  <conditionalFormatting sqref="S22">
    <cfRule type="duplicateValues" dxfId="180" priority="200"/>
  </conditionalFormatting>
  <conditionalFormatting sqref="T22">
    <cfRule type="duplicateValues" dxfId="179" priority="199"/>
  </conditionalFormatting>
  <conditionalFormatting sqref="P22">
    <cfRule type="duplicateValues" dxfId="178" priority="198"/>
  </conditionalFormatting>
  <conditionalFormatting sqref="L22">
    <cfRule type="duplicateValues" dxfId="177" priority="197"/>
  </conditionalFormatting>
  <conditionalFormatting sqref="C66">
    <cfRule type="duplicateValues" dxfId="176" priority="196" stopIfTrue="1"/>
  </conditionalFormatting>
  <conditionalFormatting sqref="C64">
    <cfRule type="duplicateValues" dxfId="175" priority="195" stopIfTrue="1"/>
  </conditionalFormatting>
  <conditionalFormatting sqref="C65">
    <cfRule type="duplicateValues" dxfId="174" priority="194" stopIfTrue="1"/>
  </conditionalFormatting>
  <conditionalFormatting sqref="C44">
    <cfRule type="duplicateValues" dxfId="173" priority="193" stopIfTrue="1"/>
  </conditionalFormatting>
  <conditionalFormatting sqref="C47">
    <cfRule type="duplicateValues" dxfId="172" priority="192" stopIfTrue="1"/>
  </conditionalFormatting>
  <conditionalFormatting sqref="C50">
    <cfRule type="duplicateValues" dxfId="171" priority="191" stopIfTrue="1"/>
  </conditionalFormatting>
  <conditionalFormatting sqref="C52">
    <cfRule type="duplicateValues" dxfId="170" priority="190" stopIfTrue="1"/>
  </conditionalFormatting>
  <conditionalFormatting sqref="C54">
    <cfRule type="duplicateValues" dxfId="169" priority="189" stopIfTrue="1"/>
  </conditionalFormatting>
  <conditionalFormatting sqref="C56">
    <cfRule type="duplicateValues" dxfId="168" priority="187" stopIfTrue="1"/>
  </conditionalFormatting>
  <conditionalFormatting sqref="C57">
    <cfRule type="duplicateValues" dxfId="167" priority="186" stopIfTrue="1"/>
  </conditionalFormatting>
  <conditionalFormatting sqref="C58">
    <cfRule type="duplicateValues" dxfId="166" priority="185" stopIfTrue="1"/>
  </conditionalFormatting>
  <conditionalFormatting sqref="C59">
    <cfRule type="duplicateValues" dxfId="165" priority="184" stopIfTrue="1"/>
  </conditionalFormatting>
  <conditionalFormatting sqref="C60">
    <cfRule type="duplicateValues" dxfId="164" priority="183" stopIfTrue="1"/>
  </conditionalFormatting>
  <conditionalFormatting sqref="C62">
    <cfRule type="duplicateValues" dxfId="163" priority="182" stopIfTrue="1"/>
  </conditionalFormatting>
  <conditionalFormatting sqref="C63">
    <cfRule type="duplicateValues" dxfId="162" priority="181" stopIfTrue="1"/>
  </conditionalFormatting>
  <conditionalFormatting sqref="C39">
    <cfRule type="duplicateValues" dxfId="161" priority="180" stopIfTrue="1"/>
  </conditionalFormatting>
  <conditionalFormatting sqref="C40">
    <cfRule type="duplicateValues" dxfId="160" priority="179" stopIfTrue="1"/>
  </conditionalFormatting>
  <conditionalFormatting sqref="C41">
    <cfRule type="duplicateValues" dxfId="159" priority="178" stopIfTrue="1"/>
  </conditionalFormatting>
  <conditionalFormatting sqref="C43">
    <cfRule type="duplicateValues" dxfId="158" priority="177" stopIfTrue="1"/>
  </conditionalFormatting>
  <conditionalFormatting sqref="C45">
    <cfRule type="duplicateValues" dxfId="157" priority="176" stopIfTrue="1"/>
  </conditionalFormatting>
  <conditionalFormatting sqref="C46">
    <cfRule type="duplicateValues" dxfId="156" priority="175" stopIfTrue="1"/>
  </conditionalFormatting>
  <conditionalFormatting sqref="C48">
    <cfRule type="duplicateValues" dxfId="155" priority="174" stopIfTrue="1"/>
  </conditionalFormatting>
  <conditionalFormatting sqref="C51">
    <cfRule type="duplicateValues" dxfId="154" priority="173" stopIfTrue="1"/>
  </conditionalFormatting>
  <conditionalFormatting sqref="C61">
    <cfRule type="duplicateValues" dxfId="153" priority="172" stopIfTrue="1"/>
  </conditionalFormatting>
  <conditionalFormatting sqref="C42">
    <cfRule type="duplicateValues" dxfId="152" priority="170" stopIfTrue="1"/>
    <cfRule type="duplicateValues" dxfId="151" priority="171" stopIfTrue="1"/>
  </conditionalFormatting>
  <conditionalFormatting sqref="C42">
    <cfRule type="duplicateValues" dxfId="150" priority="169" stopIfTrue="1"/>
  </conditionalFormatting>
  <conditionalFormatting sqref="C49">
    <cfRule type="duplicateValues" dxfId="149" priority="168"/>
  </conditionalFormatting>
  <conditionalFormatting sqref="C53">
    <cfRule type="duplicateValues" dxfId="148" priority="167"/>
  </conditionalFormatting>
  <conditionalFormatting sqref="G68">
    <cfRule type="duplicateValues" dxfId="147" priority="154" stopIfTrue="1"/>
  </conditionalFormatting>
  <conditionalFormatting sqref="G65">
    <cfRule type="duplicateValues" dxfId="146" priority="152" stopIfTrue="1"/>
  </conditionalFormatting>
  <conditionalFormatting sqref="G66">
    <cfRule type="duplicateValues" dxfId="145" priority="151" stopIfTrue="1"/>
  </conditionalFormatting>
  <conditionalFormatting sqref="G45">
    <cfRule type="duplicateValues" dxfId="144" priority="150" stopIfTrue="1"/>
  </conditionalFormatting>
  <conditionalFormatting sqref="G48">
    <cfRule type="duplicateValues" dxfId="143" priority="149" stopIfTrue="1"/>
  </conditionalFormatting>
  <conditionalFormatting sqref="G51">
    <cfRule type="duplicateValues" dxfId="142" priority="148" stopIfTrue="1"/>
  </conditionalFormatting>
  <conditionalFormatting sqref="G53">
    <cfRule type="duplicateValues" dxfId="141" priority="147" stopIfTrue="1"/>
  </conditionalFormatting>
  <conditionalFormatting sqref="G55">
    <cfRule type="duplicateValues" dxfId="140" priority="146" stopIfTrue="1"/>
  </conditionalFormatting>
  <conditionalFormatting sqref="G56">
    <cfRule type="duplicateValues" dxfId="139" priority="145" stopIfTrue="1"/>
  </conditionalFormatting>
  <conditionalFormatting sqref="G57">
    <cfRule type="duplicateValues" dxfId="138" priority="144" stopIfTrue="1"/>
  </conditionalFormatting>
  <conditionalFormatting sqref="G58">
    <cfRule type="duplicateValues" dxfId="137" priority="143" stopIfTrue="1"/>
  </conditionalFormatting>
  <conditionalFormatting sqref="G59">
    <cfRule type="duplicateValues" dxfId="136" priority="142" stopIfTrue="1"/>
  </conditionalFormatting>
  <conditionalFormatting sqref="G60">
    <cfRule type="duplicateValues" dxfId="135" priority="141" stopIfTrue="1"/>
  </conditionalFormatting>
  <conditionalFormatting sqref="G61">
    <cfRule type="duplicateValues" dxfId="134" priority="140" stopIfTrue="1"/>
  </conditionalFormatting>
  <conditionalFormatting sqref="G63">
    <cfRule type="duplicateValues" dxfId="133" priority="139" stopIfTrue="1"/>
  </conditionalFormatting>
  <conditionalFormatting sqref="G64">
    <cfRule type="duplicateValues" dxfId="132" priority="138" stopIfTrue="1"/>
  </conditionalFormatting>
  <conditionalFormatting sqref="G40">
    <cfRule type="duplicateValues" dxfId="131" priority="137" stopIfTrue="1"/>
  </conditionalFormatting>
  <conditionalFormatting sqref="G41">
    <cfRule type="duplicateValues" dxfId="130" priority="136" stopIfTrue="1"/>
  </conditionalFormatting>
  <conditionalFormatting sqref="G42">
    <cfRule type="duplicateValues" dxfId="129" priority="135" stopIfTrue="1"/>
  </conditionalFormatting>
  <conditionalFormatting sqref="G44">
    <cfRule type="duplicateValues" dxfId="128" priority="134" stopIfTrue="1"/>
  </conditionalFormatting>
  <conditionalFormatting sqref="G46">
    <cfRule type="duplicateValues" dxfId="127" priority="133" stopIfTrue="1"/>
  </conditionalFormatting>
  <conditionalFormatting sqref="G47">
    <cfRule type="duplicateValues" dxfId="126" priority="132" stopIfTrue="1"/>
  </conditionalFormatting>
  <conditionalFormatting sqref="G49">
    <cfRule type="duplicateValues" dxfId="125" priority="131" stopIfTrue="1"/>
  </conditionalFormatting>
  <conditionalFormatting sqref="G52">
    <cfRule type="duplicateValues" dxfId="124" priority="130" stopIfTrue="1"/>
  </conditionalFormatting>
  <conditionalFormatting sqref="G62">
    <cfRule type="duplicateValues" dxfId="123" priority="129" stopIfTrue="1"/>
  </conditionalFormatting>
  <conditionalFormatting sqref="G43">
    <cfRule type="duplicateValues" dxfId="122" priority="127" stopIfTrue="1"/>
    <cfRule type="duplicateValues" dxfId="121" priority="128" stopIfTrue="1"/>
  </conditionalFormatting>
  <conditionalFormatting sqref="G43">
    <cfRule type="duplicateValues" dxfId="120" priority="126" stopIfTrue="1"/>
  </conditionalFormatting>
  <conditionalFormatting sqref="G50">
    <cfRule type="duplicateValues" dxfId="119" priority="125"/>
  </conditionalFormatting>
  <conditionalFormatting sqref="G54">
    <cfRule type="duplicateValues" dxfId="118" priority="124"/>
  </conditionalFormatting>
  <conditionalFormatting sqref="C68">
    <cfRule type="duplicateValues" dxfId="117" priority="123" stopIfTrue="1"/>
  </conditionalFormatting>
  <conditionalFormatting sqref="C65">
    <cfRule type="duplicateValues" dxfId="116" priority="121" stopIfTrue="1"/>
  </conditionalFormatting>
  <conditionalFormatting sqref="C66">
    <cfRule type="duplicateValues" dxfId="115" priority="120" stopIfTrue="1"/>
  </conditionalFormatting>
  <conditionalFormatting sqref="C45">
    <cfRule type="duplicateValues" dxfId="114" priority="119" stopIfTrue="1"/>
  </conditionalFormatting>
  <conditionalFormatting sqref="C48">
    <cfRule type="duplicateValues" dxfId="113" priority="118" stopIfTrue="1"/>
  </conditionalFormatting>
  <conditionalFormatting sqref="C51">
    <cfRule type="duplicateValues" dxfId="112" priority="117" stopIfTrue="1"/>
  </conditionalFormatting>
  <conditionalFormatting sqref="C53">
    <cfRule type="duplicateValues" dxfId="111" priority="116" stopIfTrue="1"/>
  </conditionalFormatting>
  <conditionalFormatting sqref="C56">
    <cfRule type="duplicateValues" dxfId="110" priority="114" stopIfTrue="1"/>
  </conditionalFormatting>
  <conditionalFormatting sqref="C57">
    <cfRule type="duplicateValues" dxfId="109" priority="113" stopIfTrue="1"/>
  </conditionalFormatting>
  <conditionalFormatting sqref="C58">
    <cfRule type="duplicateValues" dxfId="108" priority="112" stopIfTrue="1"/>
  </conditionalFormatting>
  <conditionalFormatting sqref="C59">
    <cfRule type="duplicateValues" dxfId="107" priority="111" stopIfTrue="1"/>
  </conditionalFormatting>
  <conditionalFormatting sqref="C60">
    <cfRule type="duplicateValues" dxfId="106" priority="110" stopIfTrue="1"/>
  </conditionalFormatting>
  <conditionalFormatting sqref="C61">
    <cfRule type="duplicateValues" dxfId="105" priority="109" stopIfTrue="1"/>
  </conditionalFormatting>
  <conditionalFormatting sqref="C63">
    <cfRule type="duplicateValues" dxfId="104" priority="108" stopIfTrue="1"/>
  </conditionalFormatting>
  <conditionalFormatting sqref="C64">
    <cfRule type="duplicateValues" dxfId="103" priority="107" stopIfTrue="1"/>
  </conditionalFormatting>
  <conditionalFormatting sqref="C40">
    <cfRule type="duplicateValues" dxfId="102" priority="106" stopIfTrue="1"/>
  </conditionalFormatting>
  <conditionalFormatting sqref="C41">
    <cfRule type="duplicateValues" dxfId="101" priority="105" stopIfTrue="1"/>
  </conditionalFormatting>
  <conditionalFormatting sqref="C42">
    <cfRule type="duplicateValues" dxfId="100" priority="104" stopIfTrue="1"/>
  </conditionalFormatting>
  <conditionalFormatting sqref="C44">
    <cfRule type="duplicateValues" dxfId="99" priority="103" stopIfTrue="1"/>
  </conditionalFormatting>
  <conditionalFormatting sqref="C46">
    <cfRule type="duplicateValues" dxfId="98" priority="102" stopIfTrue="1"/>
  </conditionalFormatting>
  <conditionalFormatting sqref="C47">
    <cfRule type="duplicateValues" dxfId="97" priority="101" stopIfTrue="1"/>
  </conditionalFormatting>
  <conditionalFormatting sqref="C49">
    <cfRule type="duplicateValues" dxfId="96" priority="100" stopIfTrue="1"/>
  </conditionalFormatting>
  <conditionalFormatting sqref="C52">
    <cfRule type="duplicateValues" dxfId="95" priority="99" stopIfTrue="1"/>
  </conditionalFormatting>
  <conditionalFormatting sqref="C62">
    <cfRule type="duplicateValues" dxfId="94" priority="98" stopIfTrue="1"/>
  </conditionalFormatting>
  <conditionalFormatting sqref="C43">
    <cfRule type="duplicateValues" dxfId="93" priority="96" stopIfTrue="1"/>
    <cfRule type="duplicateValues" dxfId="92" priority="97" stopIfTrue="1"/>
  </conditionalFormatting>
  <conditionalFormatting sqref="C43">
    <cfRule type="duplicateValues" dxfId="91" priority="95" stopIfTrue="1"/>
  </conditionalFormatting>
  <conditionalFormatting sqref="C50">
    <cfRule type="duplicateValues" dxfId="90" priority="94"/>
  </conditionalFormatting>
  <conditionalFormatting sqref="C54">
    <cfRule type="duplicateValues" dxfId="89" priority="93"/>
  </conditionalFormatting>
  <conditionalFormatting sqref="K25">
    <cfRule type="duplicateValues" dxfId="88" priority="91" stopIfTrue="1"/>
    <cfRule type="duplicateValues" dxfId="87" priority="92" stopIfTrue="1"/>
  </conditionalFormatting>
  <conditionalFormatting sqref="K25">
    <cfRule type="duplicateValues" dxfId="86" priority="90" stopIfTrue="1"/>
  </conditionalFormatting>
  <conditionalFormatting sqref="D55">
    <cfRule type="duplicateValues" dxfId="85" priority="89"/>
  </conditionalFormatting>
  <conditionalFormatting sqref="C55">
    <cfRule type="duplicateValues" dxfId="84" priority="87" stopIfTrue="1"/>
    <cfRule type="duplicateValues" dxfId="83" priority="88" stopIfTrue="1"/>
  </conditionalFormatting>
  <conditionalFormatting sqref="C55">
    <cfRule type="duplicateValues" dxfId="82" priority="86" stopIfTrue="1"/>
  </conditionalFormatting>
  <conditionalFormatting sqref="T23">
    <cfRule type="duplicateValues" dxfId="81" priority="85"/>
  </conditionalFormatting>
  <conditionalFormatting sqref="S23">
    <cfRule type="duplicateValues" dxfId="80" priority="83" stopIfTrue="1"/>
    <cfRule type="duplicateValues" dxfId="79" priority="84" stopIfTrue="1"/>
  </conditionalFormatting>
  <conditionalFormatting sqref="S23">
    <cfRule type="duplicateValues" dxfId="78" priority="82" stopIfTrue="1"/>
  </conditionalFormatting>
  <conditionalFormatting sqref="O23">
    <cfRule type="duplicateValues" dxfId="77" priority="80" stopIfTrue="1"/>
    <cfRule type="duplicateValues" dxfId="76" priority="81" stopIfTrue="1"/>
  </conditionalFormatting>
  <conditionalFormatting sqref="O23">
    <cfRule type="duplicateValues" dxfId="75" priority="79" stopIfTrue="1"/>
  </conditionalFormatting>
  <conditionalFormatting sqref="P23">
    <cfRule type="duplicateValues" dxfId="74" priority="78"/>
  </conditionalFormatting>
  <conditionalFormatting sqref="K23">
    <cfRule type="duplicateValues" dxfId="73" priority="77"/>
  </conditionalFormatting>
  <conditionalFormatting sqref="L23">
    <cfRule type="duplicateValues" dxfId="72" priority="76"/>
  </conditionalFormatting>
  <conditionalFormatting sqref="O25">
    <cfRule type="duplicateValues" dxfId="71" priority="75"/>
  </conditionalFormatting>
  <conditionalFormatting sqref="P25">
    <cfRule type="duplicateValues" dxfId="70" priority="74"/>
  </conditionalFormatting>
  <conditionalFormatting sqref="P28">
    <cfRule type="duplicateValues" dxfId="69" priority="73"/>
  </conditionalFormatting>
  <conditionalFormatting sqref="O28">
    <cfRule type="duplicateValues" dxfId="68" priority="71" stopIfTrue="1"/>
    <cfRule type="duplicateValues" dxfId="67" priority="72" stopIfTrue="1"/>
  </conditionalFormatting>
  <conditionalFormatting sqref="O28">
    <cfRule type="duplicateValues" dxfId="66" priority="70" stopIfTrue="1"/>
  </conditionalFormatting>
  <conditionalFormatting sqref="O19">
    <cfRule type="duplicateValues" dxfId="65" priority="68" stopIfTrue="1"/>
    <cfRule type="duplicateValues" dxfId="64" priority="69" stopIfTrue="1"/>
  </conditionalFormatting>
  <conditionalFormatting sqref="O19">
    <cfRule type="duplicateValues" dxfId="63" priority="67" stopIfTrue="1"/>
  </conditionalFormatting>
  <conditionalFormatting sqref="O33">
    <cfRule type="duplicateValues" dxfId="62" priority="65" stopIfTrue="1"/>
    <cfRule type="duplicateValues" dxfId="61" priority="66" stopIfTrue="1"/>
  </conditionalFormatting>
  <conditionalFormatting sqref="O33">
    <cfRule type="duplicateValues" dxfId="60" priority="64" stopIfTrue="1"/>
  </conditionalFormatting>
  <conditionalFormatting sqref="G16">
    <cfRule type="duplicateValues" dxfId="59" priority="63"/>
  </conditionalFormatting>
  <conditionalFormatting sqref="L28">
    <cfRule type="duplicateValues" dxfId="58" priority="62"/>
  </conditionalFormatting>
  <conditionalFormatting sqref="K28">
    <cfRule type="duplicateValues" dxfId="57" priority="60" stopIfTrue="1"/>
    <cfRule type="duplicateValues" dxfId="56" priority="61" stopIfTrue="1"/>
  </conditionalFormatting>
  <conditionalFormatting sqref="K28">
    <cfRule type="duplicateValues" dxfId="55" priority="59" stopIfTrue="1"/>
  </conditionalFormatting>
  <conditionalFormatting sqref="K33:L33">
    <cfRule type="duplicateValues" dxfId="54" priority="58"/>
  </conditionalFormatting>
  <conditionalFormatting sqref="K35">
    <cfRule type="duplicateValues" dxfId="53" priority="56" stopIfTrue="1"/>
    <cfRule type="duplicateValues" dxfId="52" priority="57" stopIfTrue="1"/>
  </conditionalFormatting>
  <conditionalFormatting sqref="K35">
    <cfRule type="duplicateValues" dxfId="51" priority="55" stopIfTrue="1"/>
  </conditionalFormatting>
  <conditionalFormatting sqref="L35">
    <cfRule type="duplicateValues" dxfId="50" priority="54"/>
  </conditionalFormatting>
  <conditionalFormatting sqref="O35">
    <cfRule type="duplicateValues" dxfId="49" priority="53"/>
  </conditionalFormatting>
  <conditionalFormatting sqref="P35">
    <cfRule type="duplicateValues" dxfId="48" priority="52"/>
  </conditionalFormatting>
  <conditionalFormatting sqref="S35">
    <cfRule type="duplicateValues" dxfId="47" priority="50" stopIfTrue="1"/>
    <cfRule type="duplicateValues" dxfId="46" priority="51" stopIfTrue="1"/>
  </conditionalFormatting>
  <conditionalFormatting sqref="S35">
    <cfRule type="duplicateValues" dxfId="45" priority="49" stopIfTrue="1"/>
  </conditionalFormatting>
  <conditionalFormatting sqref="T35">
    <cfRule type="duplicateValues" dxfId="44" priority="48"/>
  </conditionalFormatting>
  <conditionalFormatting sqref="C67">
    <cfRule type="duplicateValues" dxfId="43" priority="46" stopIfTrue="1"/>
    <cfRule type="duplicateValues" dxfId="42" priority="47" stopIfTrue="1"/>
  </conditionalFormatting>
  <conditionalFormatting sqref="C67">
    <cfRule type="duplicateValues" dxfId="41" priority="45" stopIfTrue="1"/>
  </conditionalFormatting>
  <conditionalFormatting sqref="D67">
    <cfRule type="duplicateValues" dxfId="40" priority="44"/>
  </conditionalFormatting>
  <conditionalFormatting sqref="H67">
    <cfRule type="duplicateValues" dxfId="39" priority="43"/>
  </conditionalFormatting>
  <conditionalFormatting sqref="G67">
    <cfRule type="duplicateValues" dxfId="38" priority="41" stopIfTrue="1"/>
    <cfRule type="duplicateValues" dxfId="37" priority="42" stopIfTrue="1"/>
  </conditionalFormatting>
  <conditionalFormatting sqref="G67">
    <cfRule type="duplicateValues" dxfId="36" priority="40" stopIfTrue="1"/>
  </conditionalFormatting>
  <conditionalFormatting sqref="L55">
    <cfRule type="duplicateValues" dxfId="35" priority="39" stopIfTrue="1"/>
  </conditionalFormatting>
  <conditionalFormatting sqref="L47">
    <cfRule type="duplicateValues" dxfId="34" priority="38" stopIfTrue="1"/>
  </conditionalFormatting>
  <conditionalFormatting sqref="L48">
    <cfRule type="duplicateValues" dxfId="33" priority="37" stopIfTrue="1"/>
  </conditionalFormatting>
  <conditionalFormatting sqref="K65">
    <cfRule type="duplicateValues" dxfId="32" priority="36" stopIfTrue="1"/>
  </conditionalFormatting>
  <conditionalFormatting sqref="K66">
    <cfRule type="duplicateValues" dxfId="31" priority="35" stopIfTrue="1"/>
  </conditionalFormatting>
  <conditionalFormatting sqref="K45">
    <cfRule type="duplicateValues" dxfId="30" priority="34" stopIfTrue="1"/>
  </conditionalFormatting>
  <conditionalFormatting sqref="K48">
    <cfRule type="duplicateValues" dxfId="29" priority="33" stopIfTrue="1"/>
  </conditionalFormatting>
  <conditionalFormatting sqref="K51">
    <cfRule type="duplicateValues" dxfId="28" priority="32" stopIfTrue="1"/>
  </conditionalFormatting>
  <conditionalFormatting sqref="K53">
    <cfRule type="duplicateValues" dxfId="27" priority="31" stopIfTrue="1"/>
  </conditionalFormatting>
  <conditionalFormatting sqref="K55">
    <cfRule type="duplicateValues" dxfId="26" priority="30" stopIfTrue="1"/>
  </conditionalFormatting>
  <conditionalFormatting sqref="K56">
    <cfRule type="duplicateValues" dxfId="25" priority="29" stopIfTrue="1"/>
  </conditionalFormatting>
  <conditionalFormatting sqref="K57">
    <cfRule type="duplicateValues" dxfId="24" priority="28" stopIfTrue="1"/>
  </conditionalFormatting>
  <conditionalFormatting sqref="K58">
    <cfRule type="duplicateValues" dxfId="23" priority="27" stopIfTrue="1"/>
  </conditionalFormatting>
  <conditionalFormatting sqref="K59">
    <cfRule type="duplicateValues" dxfId="22" priority="26" stopIfTrue="1"/>
  </conditionalFormatting>
  <conditionalFormatting sqref="K60">
    <cfRule type="duplicateValues" dxfId="21" priority="25" stopIfTrue="1"/>
  </conditionalFormatting>
  <conditionalFormatting sqref="K61">
    <cfRule type="duplicateValues" dxfId="20" priority="24" stopIfTrue="1"/>
  </conditionalFormatting>
  <conditionalFormatting sqref="K63">
    <cfRule type="duplicateValues" dxfId="19" priority="23" stopIfTrue="1"/>
  </conditionalFormatting>
  <conditionalFormatting sqref="K64">
    <cfRule type="duplicateValues" dxfId="18" priority="22" stopIfTrue="1"/>
  </conditionalFormatting>
  <conditionalFormatting sqref="K40">
    <cfRule type="duplicateValues" dxfId="17" priority="21" stopIfTrue="1"/>
  </conditionalFormatting>
  <conditionalFormatting sqref="K41">
    <cfRule type="duplicateValues" dxfId="16" priority="20" stopIfTrue="1"/>
  </conditionalFormatting>
  <conditionalFormatting sqref="K42">
    <cfRule type="duplicateValues" dxfId="15" priority="19" stopIfTrue="1"/>
  </conditionalFormatting>
  <conditionalFormatting sqref="K44">
    <cfRule type="duplicateValues" dxfId="14" priority="18" stopIfTrue="1"/>
  </conditionalFormatting>
  <conditionalFormatting sqref="K46">
    <cfRule type="duplicateValues" dxfId="13" priority="17" stopIfTrue="1"/>
  </conditionalFormatting>
  <conditionalFormatting sqref="K47">
    <cfRule type="duplicateValues" dxfId="12" priority="16" stopIfTrue="1"/>
  </conditionalFormatting>
  <conditionalFormatting sqref="K49">
    <cfRule type="duplicateValues" dxfId="11" priority="15" stopIfTrue="1"/>
  </conditionalFormatting>
  <conditionalFormatting sqref="K52">
    <cfRule type="duplicateValues" dxfId="10" priority="14" stopIfTrue="1"/>
  </conditionalFormatting>
  <conditionalFormatting sqref="K62">
    <cfRule type="duplicateValues" dxfId="9" priority="13" stopIfTrue="1"/>
  </conditionalFormatting>
  <conditionalFormatting sqref="K43">
    <cfRule type="duplicateValues" dxfId="8" priority="11" stopIfTrue="1"/>
    <cfRule type="duplicateValues" dxfId="7" priority="12" stopIfTrue="1"/>
  </conditionalFormatting>
  <conditionalFormatting sqref="K43">
    <cfRule type="duplicateValues" dxfId="6" priority="10" stopIfTrue="1"/>
  </conditionalFormatting>
  <conditionalFormatting sqref="K50">
    <cfRule type="duplicateValues" dxfId="5" priority="9"/>
  </conditionalFormatting>
  <conditionalFormatting sqref="K54">
    <cfRule type="duplicateValues" dxfId="4" priority="8"/>
  </conditionalFormatting>
  <conditionalFormatting sqref="L67">
    <cfRule type="duplicateValues" dxfId="3" priority="7"/>
  </conditionalFormatting>
  <conditionalFormatting sqref="K67">
    <cfRule type="duplicateValues" dxfId="2" priority="2" stopIfTrue="1"/>
    <cfRule type="duplicateValues" dxfId="1" priority="3" stopIfTrue="1"/>
  </conditionalFormatting>
  <conditionalFormatting sqref="K67">
    <cfRule type="duplicateValues" dxfId="0" priority="1" stopIfTrue="1"/>
  </conditionalFormatting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2020 Rookie Free-Agent Draft</vt:lpstr>
      <vt:lpstr>2020 Supplemental Draf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d</dc:creator>
  <cp:lastModifiedBy>Dennis C</cp:lastModifiedBy>
  <cp:lastPrinted>2021-08-22T23:14:27Z</cp:lastPrinted>
  <dcterms:created xsi:type="dcterms:W3CDTF">2004-01-12T03:50:34Z</dcterms:created>
  <dcterms:modified xsi:type="dcterms:W3CDTF">2021-09-10T00:31:33Z</dcterms:modified>
</cp:coreProperties>
</file>